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drawings/drawing3.xml" ContentType="application/vnd.openxmlformats-officedocument.drawingml.chartshapes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/>
  <mc:AlternateContent xmlns:mc="http://schemas.openxmlformats.org/markup-compatibility/2006">
    <mc:Choice Requires="x15">
      <x15ac:absPath xmlns:x15ac="http://schemas.microsoft.com/office/spreadsheetml/2010/11/ac" url="\\presupuestots4\Users\td_ocampos\Desktop\DPTO. PRESUPUESTO\009 - PRESUPUESTO 2026\00 - Ejecución Presupuestaria Mensual\05 MAYO\PAGINA WEB\"/>
    </mc:Choice>
  </mc:AlternateContent>
  <xr:revisionPtr revIDLastSave="0" documentId="13_ncr:1_{EC0A0CFA-845F-453A-B762-CD42FE2F06B5}" xr6:coauthVersionLast="47" xr6:coauthVersionMax="47" xr10:uidLastSave="{00000000-0000-0000-0000-000000000000}"/>
  <bookViews>
    <workbookView xWindow="-120" yWindow="-120" windowWidth="29040" windowHeight="15720" tabRatio="640" xr2:uid="{00000000-000D-0000-FFFF-FFFF00000000}"/>
  </bookViews>
  <sheets>
    <sheet name="Ingresos" sheetId="58" r:id="rId1"/>
    <sheet name="GRUPO DE GASTOS" sheetId="48" r:id="rId2"/>
    <sheet name="Por Prog-Subpr" sheetId="49" r:id="rId3"/>
    <sheet name="Por O.G." sheetId="66" r:id="rId4"/>
    <sheet name="Anexo del Personal" sheetId="44" r:id="rId5"/>
  </sheets>
  <externalReferences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___XX17">[1]CONSUMO!#REF!</definedName>
    <definedName name="__XX17">[1]CONSUMO!#REF!</definedName>
    <definedName name="_XX17">[1]CONSUMO!#REF!</definedName>
    <definedName name="_xlnm.Print_Area" localSheetId="4">'Anexo del Personal'!$A$1:$I$16</definedName>
    <definedName name="_xlnm.Print_Area" localSheetId="1">'GRUPO DE GASTOS'!$A$1:$L$31</definedName>
    <definedName name="_xlnm.Print_Area" localSheetId="0">Ingresos!$A$1:$F$45</definedName>
    <definedName name="_xlnm.Print_Area" localSheetId="3">'Por O.G.'!$A$1:$H$125</definedName>
    <definedName name="_xlnm.Print_Area" localSheetId="2">'Por Prog-Subpr'!$A$1:$E$40</definedName>
    <definedName name="asa" localSheetId="3">[2]CONSUMO!#REF!</definedName>
    <definedName name="asa">[2]CONSUMO!#REF!</definedName>
    <definedName name="_xlnm.Database" localSheetId="0">#REF!</definedName>
    <definedName name="_xlnm.Database" localSheetId="3">#REF!</definedName>
    <definedName name="_xlnm.Database">#N/A</definedName>
    <definedName name="creacion">[3]INTERIOR!$A$12:$H$495</definedName>
    <definedName name="datos" localSheetId="4">[2]CONSUMO!#REF!</definedName>
    <definedName name="datos" localSheetId="0">[2]CONSUMO!#REF!</definedName>
    <definedName name="datos" localSheetId="3">[2]CONSUMO!#REF!</definedName>
    <definedName name="datos">[2]CONSUMO!#REF!</definedName>
    <definedName name="datos_10" localSheetId="4">[2]CONSUMO!#REF!</definedName>
    <definedName name="datos_10" localSheetId="3">[2]CONSUMO!#REF!</definedName>
    <definedName name="datos_10">[2]CONSUMO!#REF!</definedName>
    <definedName name="datos_12" localSheetId="4">[4]CONSUMO!#REF!</definedName>
    <definedName name="datos_12" localSheetId="3">[4]CONSUMO!#REF!</definedName>
    <definedName name="datos_12">[4]CONSUMO!#REF!</definedName>
    <definedName name="datos_13" localSheetId="4">[4]CONSUMO!#REF!</definedName>
    <definedName name="datos_13" localSheetId="3">[4]CONSUMO!#REF!</definedName>
    <definedName name="datos_13">[4]CONSUMO!#REF!</definedName>
    <definedName name="datos_14" localSheetId="4">[4]CONSUMO!#REF!</definedName>
    <definedName name="datos_14" localSheetId="3">[4]CONSUMO!#REF!</definedName>
    <definedName name="datos_14">[4]CONSUMO!#REF!</definedName>
    <definedName name="datos_15" localSheetId="4">[4]CONSUMO!#REF!</definedName>
    <definedName name="datos_15" localSheetId="3">[4]CONSUMO!#REF!</definedName>
    <definedName name="datos_15">[4]CONSUMO!#REF!</definedName>
    <definedName name="datos_16" localSheetId="4">[4]CONSUMO!#REF!</definedName>
    <definedName name="datos_16" localSheetId="3">[4]CONSUMO!#REF!</definedName>
    <definedName name="datos_16">[4]CONSUMO!#REF!</definedName>
    <definedName name="datos_5" localSheetId="4">[5]CONSUMO!#REF!</definedName>
    <definedName name="datos_5" localSheetId="3">[5]CONSUMO!#REF!</definedName>
    <definedName name="datos_5">[5]CONSUMO!#REF!</definedName>
    <definedName name="datos_8" localSheetId="4">[2]CONSUMO!#REF!</definedName>
    <definedName name="datos_8" localSheetId="3">[2]CONSUMO!#REF!</definedName>
    <definedName name="datos_8">[2]CONSUMO!#REF!</definedName>
    <definedName name="datos_9" localSheetId="4">[2]CONSUMO!#REF!</definedName>
    <definedName name="datos_9" localSheetId="3">[2]CONSUMO!#REF!</definedName>
    <definedName name="datos_9">[2]CONSUMO!#REF!</definedName>
    <definedName name="Excel_BuiltIn_Database" localSheetId="4">#REF!</definedName>
    <definedName name="Excel_BuiltIn_Database" localSheetId="3">#REF!</definedName>
    <definedName name="Excel_BuiltIn_Database">#REF!</definedName>
    <definedName name="Excel_BuiltIn_Database_12" localSheetId="4">#REF!</definedName>
    <definedName name="Excel_BuiltIn_Database_12" localSheetId="3">#REF!</definedName>
    <definedName name="Excel_BuiltIn_Database_12">#REF!</definedName>
    <definedName name="Excel_BuiltIn_Database_13" localSheetId="4">#REF!</definedName>
    <definedName name="Excel_BuiltIn_Database_13" localSheetId="3">#REF!</definedName>
    <definedName name="Excel_BuiltIn_Database_13">#REF!</definedName>
    <definedName name="Excel_BuiltIn_Database_14" localSheetId="4">#REF!</definedName>
    <definedName name="Excel_BuiltIn_Database_14" localSheetId="3">#REF!</definedName>
    <definedName name="Excel_BuiltIn_Database_14">#REF!</definedName>
    <definedName name="Excel_BuiltIn_Database_15" localSheetId="4">#REF!</definedName>
    <definedName name="Excel_BuiltIn_Database_15" localSheetId="3">#REF!</definedName>
    <definedName name="Excel_BuiltIn_Database_15">#REF!</definedName>
    <definedName name="Excel_BuiltIn_Database_16" localSheetId="4">#REF!</definedName>
    <definedName name="Excel_BuiltIn_Database_16" localSheetId="3">#REF!</definedName>
    <definedName name="Excel_BuiltIn_Database_16">#REF!</definedName>
    <definedName name="Excel_BuiltIn_Database_5" localSheetId="4">#REF!</definedName>
    <definedName name="Excel_BuiltIn_Database_5" localSheetId="3">#REF!</definedName>
    <definedName name="Excel_BuiltIn_Database_5">#REF!</definedName>
    <definedName name="FF" localSheetId="3">[2]CONSUMO!#REF!</definedName>
    <definedName name="FF">[2]CONSUMO!#REF!</definedName>
    <definedName name="hhh" localSheetId="4">[2]CONSUMO!#REF!</definedName>
    <definedName name="hhh" localSheetId="3">[2]CONSUMO!#REF!</definedName>
    <definedName name="hhh">[2]CONSUMO!#REF!</definedName>
    <definedName name="MUESTRA">[6]ANEXO!$A$9:$B$701</definedName>
    <definedName name="MUESTRA_12">[7]ANEXO!$A$9:$B$701</definedName>
    <definedName name="MUESTRA_13">[7]ANEXO!$A$9:$B$701</definedName>
    <definedName name="MUESTRA_14">[7]ANEXO!$A$9:$B$701</definedName>
    <definedName name="MUESTRA_15">[7]ANEXO!$A$9:$B$701</definedName>
    <definedName name="MUESTRA_16">[7]ANEXO!$A$9:$B$701</definedName>
    <definedName name="_xlnm.Print_Titles" localSheetId="0">Ingresos!$A:$A,Ingresos!#REF!</definedName>
    <definedName name="_xlnm.Print_Titles" localSheetId="3">'Por O.G.'!$5:$8</definedName>
    <definedName name="WEHKR3QUW">[1]CONSUMO!#REF!</definedName>
    <definedName name="xx" localSheetId="4">[1]CONSUMO!#REF!</definedName>
    <definedName name="xx" localSheetId="0">[1]CONSUMO!#REF!</definedName>
    <definedName name="xx" localSheetId="3">[1]CONSUMO!#REF!</definedName>
    <definedName name="xx">[1]CONSUMO!#REF!</definedName>
    <definedName name="xx_1" localSheetId="4">[1]CONSUMO!#REF!</definedName>
    <definedName name="xx_1" localSheetId="3">[1]CONSUMO!#REF!</definedName>
    <definedName name="xx_1">[1]CONSUMO!#REF!</definedName>
    <definedName name="xx_10" localSheetId="4">[1]CONSUMO!#REF!</definedName>
    <definedName name="xx_10" localSheetId="3">[1]CONSUMO!#REF!</definedName>
    <definedName name="xx_10">[1]CONSUMO!#REF!</definedName>
    <definedName name="xx_13" localSheetId="4">[1]CONSUMO!#REF!</definedName>
    <definedName name="xx_13" localSheetId="3">[1]CONSUMO!#REF!</definedName>
    <definedName name="xx_13">[1]CONSUMO!#REF!</definedName>
    <definedName name="xx_14" localSheetId="4">[1]CONSUMO!#REF!</definedName>
    <definedName name="xx_14" localSheetId="3">[1]CONSUMO!#REF!</definedName>
    <definedName name="xx_14">[1]CONSUMO!#REF!</definedName>
    <definedName name="xx_15" localSheetId="4">[1]CONSUMO!#REF!</definedName>
    <definedName name="xx_15" localSheetId="3">[1]CONSUMO!#REF!</definedName>
    <definedName name="xx_15">[1]CONSUMO!#REF!</definedName>
    <definedName name="xx_16" localSheetId="4">[1]CONSUMO!#REF!</definedName>
    <definedName name="xx_16" localSheetId="3">[1]CONSUMO!#REF!</definedName>
    <definedName name="xx_16">[1]CONSUMO!#REF!</definedName>
    <definedName name="xx_8" localSheetId="4">[1]CONSUMO!#REF!</definedName>
    <definedName name="xx_8" localSheetId="3">[1]CONSUMO!#REF!</definedName>
    <definedName name="xx_8">[1]CONSUMO!#REF!</definedName>
    <definedName name="xx_9" localSheetId="4">[1]CONSUMO!#REF!</definedName>
    <definedName name="xx_9" localSheetId="3">[1]CONSUMO!#REF!</definedName>
    <definedName name="xx_9">[1]CONSUMO!#REF!</definedName>
    <definedName name="Z_21D6481E_598B_48E6_9283_F3828EC0B857_.wvu.PrintArea" localSheetId="0" hidden="1">Ingresos!$A$7:$A$43</definedName>
    <definedName name="Z_21D6481E_598B_48E6_9283_F3828EC0B857_.wvu.PrintTitles" localSheetId="0" hidden="1">Ingresos!$A:$A,Ingresos!$7:$43</definedName>
    <definedName name="Z_21D6481E_598B_48E6_9283_F3828EC0B857_.wvu.Rows" localSheetId="0" hidden="1">Ingresos!#REF!,Ingresos!#REF!,Ingresos!#REF!,Ingresos!#REF!,Ingresos!#REF!,Ingresos!#REF!,Ingresos!#REF!,Ingresos!#REF!,Ingresos!#REF!,Ingresos!#REF!,Ingresos!#REF!</definedName>
    <definedName name="Z_2B9772C5_53CE_4F97_9968_ACFE64B71936_.wvu.PrintArea" localSheetId="0" hidden="1">Ingresos!$A$7:$A$43</definedName>
    <definedName name="Z_2B9772C5_53CE_4F97_9968_ACFE64B71936_.wvu.PrintTitles" localSheetId="0" hidden="1">Ingresos!$A:$A,Ingresos!$7:$43</definedName>
    <definedName name="Z_2B9772C5_53CE_4F97_9968_ACFE64B71936_.wvu.Rows" localSheetId="0" hidden="1">Ingresos!#REF!,Ingresos!#REF!,Ingresos!#REF!,Ingresos!#REF!,Ingresos!#REF!,Ingresos!#REF!,Ingresos!#REF!,Ingresos!#REF!,Ingresos!#REF!,Ingresos!#REF!,Ingresos!#REF!</definedName>
    <definedName name="Z_3110F4FE_9BEE_4CAB_AC42_412ECDE4641E_.wvu.PrintArea" localSheetId="0" hidden="1">Ingresos!$A$7:$E$44</definedName>
    <definedName name="Z_3110F4FE_9BEE_4CAB_AC42_412ECDE4641E_.wvu.PrintTitles" localSheetId="0" hidden="1">Ingresos!$A:$A,Ingresos!$7:$43</definedName>
    <definedName name="Z_58949581_DA5F_4F95_865C_EB809DB677FB_.wvu.PrintArea" localSheetId="0" hidden="1">Ingresos!$A$7:$D$44</definedName>
    <definedName name="Z_58949581_DA5F_4F95_865C_EB809DB677FB_.wvu.PrintTitles" localSheetId="0" hidden="1">Ingresos!$A:$A,Ingresos!$7:$43</definedName>
    <definedName name="Z_5D2687A3_2043_491C_A066_EF674CC0BD70_.wvu.PrintArea" localSheetId="3" hidden="1">'Por O.G.'!$A$1:$H$125</definedName>
    <definedName name="Z_5D2687A3_2043_491C_A066_EF674CC0BD70_.wvu.PrintTitles" localSheetId="3" hidden="1">'Por O.G.'!$5:$8</definedName>
    <definedName name="Z_696BAF98_B7C5_4957_A193_4796C8BB67EB_.wvu.PrintArea" localSheetId="3" hidden="1">'Por O.G.'!$A$1:$H$125</definedName>
    <definedName name="Z_696BAF98_B7C5_4957_A193_4796C8BB67EB_.wvu.PrintTitles" localSheetId="3" hidden="1">'Por O.G.'!$5:$8</definedName>
    <definedName name="Z_88200AA8_E94B_4FE6_A6CB_57A3B4B9162A_.wvu.Cols" localSheetId="0" hidden="1">Ingresos!$C:$D</definedName>
    <definedName name="Z_88200AA8_E94B_4FE6_A6CB_57A3B4B9162A_.wvu.PrintArea" localSheetId="0" hidden="1">Ingresos!$A$7:$E$44</definedName>
    <definedName name="Z_88200AA8_E94B_4FE6_A6CB_57A3B4B9162A_.wvu.PrintTitles" localSheetId="0" hidden="1">Ingresos!$A:$A,Ingresos!$7:$43</definedName>
    <definedName name="Z_9320E776_A0BC_4A9F_A50B_A79698244576_.wvu.PrintArea" localSheetId="3" hidden="1">'Por O.G.'!$A$1:$H$125</definedName>
    <definedName name="Z_9320E776_A0BC_4A9F_A50B_A79698244576_.wvu.PrintTitles" localSheetId="3" hidden="1">'Por O.G.'!$5:$8</definedName>
    <definedName name="Z_A0127ABF_7D01_48B8_B7F5_AF26D0B1AE7E_.wvu.Cols" localSheetId="0" hidden="1">Ingresos!$C:$D</definedName>
    <definedName name="Z_A0127ABF_7D01_48B8_B7F5_AF26D0B1AE7E_.wvu.PrintArea" localSheetId="0" hidden="1">Ingresos!$A$7:$E$44</definedName>
    <definedName name="Z_A0127ABF_7D01_48B8_B7F5_AF26D0B1AE7E_.wvu.PrintTitles" localSheetId="0" hidden="1">Ingresos!$A:$A,Ingresos!$7:$43</definedName>
    <definedName name="Z_BDF6CD46_417E_49E1_B163_7EA71FF7420D_.wvu.PrintArea" localSheetId="3" hidden="1">'Por O.G.'!$A$1:$H$125</definedName>
    <definedName name="Z_BDF6CD46_417E_49E1_B163_7EA71FF7420D_.wvu.PrintTitles" localSheetId="3" hidden="1">'Por O.G.'!$5:$8</definedName>
    <definedName name="Z_C111CF17_5A57_4C1E_8FCC_779836B99692_.wvu.Cols" localSheetId="0" hidden="1">Ingresos!$C:$D</definedName>
    <definedName name="Z_C111CF17_5A57_4C1E_8FCC_779836B99692_.wvu.PrintArea" localSheetId="0" hidden="1">Ingresos!$A$7:$E$44</definedName>
    <definedName name="Z_C111CF17_5A57_4C1E_8FCC_779836B99692_.wvu.PrintTitles" localSheetId="0" hidden="1">Ingresos!$A:$A,Ingresos!$7:$43</definedName>
    <definedName name="Z_E18D3262_AEE3_4A15_A6B2_D6477EEAB063_.wvu.PrintArea" localSheetId="0" hidden="1">Ingresos!$A$7:$D$44</definedName>
    <definedName name="Z_E18D3262_AEE3_4A15_A6B2_D6477EEAB063_.wvu.PrintTitles" localSheetId="0" hidden="1">Ingresos!$A:$A,Ingresos!$7:$43</definedName>
    <definedName name="Z_EEA9B430_A201_47A6_9EDE_B70F90ADB751_.wvu.PrintArea" localSheetId="3" hidden="1">'Por O.G.'!$A$5:$H$125</definedName>
    <definedName name="Z_EEA9B430_A201_47A6_9EDE_B70F90ADB751_.wvu.PrintTitles" localSheetId="3" hidden="1">'Por O.G.'!$5:$8</definedName>
    <definedName name="Z_EEA9B430_A201_47A6_9EDE_B70F90ADB751_.wvu.Rows" localSheetId="3" hidden="1">'Por O.G.'!#REF!,'Por O.G.'!#REF!,'Por O.G.'!#REF!</definedName>
    <definedName name="Z_F2307B89_D0DD_47A5_AFB3_3C3E99FB683B_.wvu.Cols" localSheetId="3" hidden="1">'Por O.G.'!$D:$D</definedName>
    <definedName name="Z_F2307B89_D0DD_47A5_AFB3_3C3E99FB683B_.wvu.PrintArea" localSheetId="3" hidden="1">'Por O.G.'!$A$1:$H$125</definedName>
    <definedName name="Z_F2307B89_D0DD_47A5_AFB3_3C3E99FB683B_.wvu.PrintTitles" localSheetId="3" hidden="1">'Por O.G.'!$5:$8</definedName>
    <definedName name="Z_FF463FF4_16A9_48CA_9F67_D6C4B73D9118_.wvu.Cols" localSheetId="0" hidden="1">Ingresos!$C:$D</definedName>
    <definedName name="Z_FF463FF4_16A9_48CA_9F67_D6C4B73D9118_.wvu.PrintArea" localSheetId="0" hidden="1">Ingresos!$A$7:$E$44</definedName>
    <definedName name="Z_FF463FF4_16A9_48CA_9F67_D6C4B73D9118_.wvu.PrintTitles" localSheetId="0" hidden="1">Ingresos!$A:$A,Ingresos!$7:$4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127" i="66" l="1"/>
  <c r="G127" i="66"/>
  <c r="F127" i="66"/>
  <c r="E127" i="66"/>
  <c r="D127" i="66"/>
  <c r="C127" i="66"/>
  <c r="E124" i="66"/>
  <c r="H123" i="66"/>
  <c r="E123" i="66"/>
  <c r="E122" i="66"/>
  <c r="F121" i="66"/>
  <c r="D121" i="66"/>
  <c r="C121" i="66"/>
  <c r="E120" i="66"/>
  <c r="E119" i="66"/>
  <c r="E118" i="66"/>
  <c r="E117" i="66"/>
  <c r="E116" i="66"/>
  <c r="F115" i="66"/>
  <c r="E115" i="66"/>
  <c r="D115" i="66"/>
  <c r="C115" i="66"/>
  <c r="E114" i="66"/>
  <c r="E113" i="66"/>
  <c r="F112" i="66"/>
  <c r="E112" i="66"/>
  <c r="D112" i="66"/>
  <c r="C112" i="66"/>
  <c r="E111" i="66"/>
  <c r="E110" i="66"/>
  <c r="E109" i="66"/>
  <c r="E108" i="66"/>
  <c r="G107" i="66"/>
  <c r="E107" i="66"/>
  <c r="E106" i="66"/>
  <c r="E105" i="66"/>
  <c r="E104" i="66"/>
  <c r="E103" i="66"/>
  <c r="E102" i="66"/>
  <c r="E101" i="66"/>
  <c r="E100" i="66"/>
  <c r="E99" i="66"/>
  <c r="E98" i="66"/>
  <c r="E97" i="66"/>
  <c r="E96" i="66"/>
  <c r="E95" i="66"/>
  <c r="E94" i="66"/>
  <c r="F93" i="66"/>
  <c r="E93" i="66"/>
  <c r="D93" i="66"/>
  <c r="C93" i="66"/>
  <c r="E92" i="66"/>
  <c r="E91" i="66"/>
  <c r="E90" i="66"/>
  <c r="E89" i="66"/>
  <c r="E88" i="66"/>
  <c r="E87" i="66"/>
  <c r="E86" i="66"/>
  <c r="E85" i="66"/>
  <c r="E84" i="66"/>
  <c r="E83" i="66"/>
  <c r="E82" i="66"/>
  <c r="E81" i="66"/>
  <c r="E80" i="66"/>
  <c r="E79" i="66"/>
  <c r="G78" i="66"/>
  <c r="E78" i="66"/>
  <c r="E77" i="66"/>
  <c r="E76" i="66"/>
  <c r="E75" i="66"/>
  <c r="E74" i="66"/>
  <c r="E73" i="66"/>
  <c r="E72" i="66"/>
  <c r="E71" i="66"/>
  <c r="E70" i="66"/>
  <c r="E69" i="66"/>
  <c r="E68" i="66"/>
  <c r="E67" i="66"/>
  <c r="E66" i="66"/>
  <c r="E65" i="66"/>
  <c r="E64" i="66"/>
  <c r="E63" i="66"/>
  <c r="E62" i="66"/>
  <c r="E61" i="66"/>
  <c r="E60" i="66"/>
  <c r="E59" i="66"/>
  <c r="E58" i="66"/>
  <c r="F57" i="66"/>
  <c r="D57" i="66"/>
  <c r="C57" i="66"/>
  <c r="E56" i="66"/>
  <c r="E55" i="66"/>
  <c r="E54" i="66"/>
  <c r="E53" i="66"/>
  <c r="E52" i="66"/>
  <c r="E51" i="66"/>
  <c r="E50" i="66"/>
  <c r="E49" i="66"/>
  <c r="E48" i="66"/>
  <c r="E47" i="66"/>
  <c r="E46" i="66"/>
  <c r="E45" i="66"/>
  <c r="E44" i="66"/>
  <c r="E43" i="66"/>
  <c r="E42" i="66"/>
  <c r="E41" i="66"/>
  <c r="E40" i="66"/>
  <c r="E39" i="66"/>
  <c r="E38" i="66"/>
  <c r="E37" i="66"/>
  <c r="E36" i="66"/>
  <c r="E35" i="66"/>
  <c r="E34" i="66"/>
  <c r="E33" i="66"/>
  <c r="E32" i="66"/>
  <c r="E31" i="66"/>
  <c r="E30" i="66"/>
  <c r="E29" i="66"/>
  <c r="E28" i="66"/>
  <c r="E27" i="66"/>
  <c r="H26" i="66"/>
  <c r="G26" i="66"/>
  <c r="E26" i="66"/>
  <c r="E25" i="66"/>
  <c r="E24" i="66"/>
  <c r="F23" i="66"/>
  <c r="E23" i="66"/>
  <c r="D23" i="66"/>
  <c r="C23" i="66"/>
  <c r="E22" i="66"/>
  <c r="E21" i="66"/>
  <c r="E20" i="66"/>
  <c r="E19" i="66"/>
  <c r="E18" i="66"/>
  <c r="E17" i="66"/>
  <c r="E16" i="66"/>
  <c r="E15" i="66"/>
  <c r="E14" i="66"/>
  <c r="G13" i="66"/>
  <c r="E13" i="66"/>
  <c r="E12" i="66"/>
  <c r="E11" i="66"/>
  <c r="E10" i="66"/>
  <c r="F9" i="66"/>
  <c r="E9" i="66"/>
  <c r="D9" i="66"/>
  <c r="C9" i="66"/>
  <c r="E23" i="58"/>
  <c r="F125" i="66" l="1"/>
  <c r="D125" i="66"/>
  <c r="C125" i="66"/>
  <c r="H124" i="66"/>
  <c r="G124" i="66"/>
  <c r="G102" i="66"/>
  <c r="H101" i="66"/>
  <c r="G101" i="66"/>
  <c r="H100" i="66"/>
  <c r="G99" i="66"/>
  <c r="H98" i="66"/>
  <c r="G97" i="66"/>
  <c r="H96" i="66"/>
  <c r="G96" i="66"/>
  <c r="H95" i="66"/>
  <c r="G94" i="66"/>
  <c r="H93" i="66"/>
  <c r="H92" i="66"/>
  <c r="G92" i="66"/>
  <c r="H91" i="66"/>
  <c r="G91" i="66"/>
  <c r="H90" i="66"/>
  <c r="G89" i="66"/>
  <c r="H88" i="66"/>
  <c r="H87" i="66"/>
  <c r="G86" i="66"/>
  <c r="H85" i="66"/>
  <c r="G84" i="66"/>
  <c r="H83" i="66"/>
  <c r="G82" i="66"/>
  <c r="G81" i="66"/>
  <c r="H80" i="66"/>
  <c r="H79" i="66"/>
  <c r="G79" i="66"/>
  <c r="H78" i="66"/>
  <c r="H77" i="66"/>
  <c r="G77" i="66"/>
  <c r="H76" i="66"/>
  <c r="G76" i="66"/>
  <c r="H75" i="66"/>
  <c r="G75" i="66"/>
  <c r="H74" i="66"/>
  <c r="H73" i="66"/>
  <c r="G73" i="66"/>
  <c r="H72" i="66"/>
  <c r="G29" i="66"/>
  <c r="G27" i="66"/>
  <c r="G25" i="66"/>
  <c r="G24" i="66"/>
  <c r="G21" i="66"/>
  <c r="H16" i="66"/>
  <c r="G15" i="66"/>
  <c r="H9" i="66"/>
  <c r="G123" i="66"/>
  <c r="H122" i="66"/>
  <c r="G122" i="66"/>
  <c r="E121" i="66"/>
  <c r="H121" i="66" s="1"/>
  <c r="H120" i="66"/>
  <c r="G120" i="66"/>
  <c r="H119" i="66"/>
  <c r="G119" i="66"/>
  <c r="H118" i="66"/>
  <c r="G118" i="66"/>
  <c r="H117" i="66"/>
  <c r="G117" i="66"/>
  <c r="H116" i="66"/>
  <c r="G116" i="66"/>
  <c r="G115" i="66" s="1"/>
  <c r="H115" i="66"/>
  <c r="H114" i="66"/>
  <c r="G114" i="66"/>
  <c r="H113" i="66"/>
  <c r="G113" i="66"/>
  <c r="G112" i="66" s="1"/>
  <c r="H112" i="66"/>
  <c r="H111" i="66"/>
  <c r="G111" i="66"/>
  <c r="H110" i="66"/>
  <c r="G110" i="66"/>
  <c r="H109" i="66"/>
  <c r="G109" i="66"/>
  <c r="H108" i="66"/>
  <c r="G108" i="66"/>
  <c r="H107" i="66"/>
  <c r="H106" i="66"/>
  <c r="G106" i="66"/>
  <c r="H105" i="66"/>
  <c r="G105" i="66"/>
  <c r="H104" i="66"/>
  <c r="G104" i="66"/>
  <c r="H103" i="66"/>
  <c r="G103" i="66"/>
  <c r="H102" i="66"/>
  <c r="G100" i="66"/>
  <c r="H99" i="66"/>
  <c r="G98" i="66"/>
  <c r="H97" i="66"/>
  <c r="G95" i="66"/>
  <c r="H94" i="66"/>
  <c r="G90" i="66"/>
  <c r="H89" i="66"/>
  <c r="G88" i="66"/>
  <c r="G87" i="66"/>
  <c r="H86" i="66"/>
  <c r="G85" i="66"/>
  <c r="H84" i="66"/>
  <c r="G83" i="66"/>
  <c r="H82" i="66"/>
  <c r="H81" i="66"/>
  <c r="G80" i="66"/>
  <c r="G74" i="66"/>
  <c r="G72" i="66"/>
  <c r="H29" i="66"/>
  <c r="H28" i="66"/>
  <c r="H25" i="66"/>
  <c r="H24" i="66"/>
  <c r="H21" i="66"/>
  <c r="H20" i="66"/>
  <c r="H19" i="66"/>
  <c r="H18" i="66"/>
  <c r="H15" i="66"/>
  <c r="H14" i="66"/>
  <c r="G14" i="66"/>
  <c r="H13" i="66"/>
  <c r="G12" i="66"/>
  <c r="G11" i="66"/>
  <c r="H10" i="66"/>
  <c r="H71" i="66"/>
  <c r="G71" i="66"/>
  <c r="H70" i="66"/>
  <c r="G70" i="66"/>
  <c r="H69" i="66"/>
  <c r="G69" i="66"/>
  <c r="H68" i="66"/>
  <c r="G68" i="66"/>
  <c r="H67" i="66"/>
  <c r="G67" i="66"/>
  <c r="H66" i="66"/>
  <c r="G66" i="66"/>
  <c r="H65" i="66"/>
  <c r="G65" i="66"/>
  <c r="H64" i="66"/>
  <c r="G64" i="66"/>
  <c r="H63" i="66"/>
  <c r="G63" i="66"/>
  <c r="H62" i="66"/>
  <c r="G62" i="66"/>
  <c r="H61" i="66"/>
  <c r="G61" i="66"/>
  <c r="H60" i="66"/>
  <c r="G60" i="66"/>
  <c r="H59" i="66"/>
  <c r="G59" i="66"/>
  <c r="H58" i="66"/>
  <c r="G58" i="66"/>
  <c r="G57" i="66" s="1"/>
  <c r="E57" i="66"/>
  <c r="H57" i="66" s="1"/>
  <c r="H56" i="66"/>
  <c r="G56" i="66"/>
  <c r="H55" i="66"/>
  <c r="G55" i="66"/>
  <c r="H54" i="66"/>
  <c r="G54" i="66"/>
  <c r="H53" i="66"/>
  <c r="G53" i="66"/>
  <c r="H52" i="66"/>
  <c r="G52" i="66"/>
  <c r="H51" i="66"/>
  <c r="G51" i="66"/>
  <c r="H50" i="66"/>
  <c r="G50" i="66"/>
  <c r="H49" i="66"/>
  <c r="G49" i="66"/>
  <c r="H48" i="66"/>
  <c r="G48" i="66"/>
  <c r="H47" i="66"/>
  <c r="G47" i="66"/>
  <c r="H46" i="66"/>
  <c r="G46" i="66"/>
  <c r="H45" i="66"/>
  <c r="G45" i="66"/>
  <c r="H44" i="66"/>
  <c r="G44" i="66"/>
  <c r="H43" i="66"/>
  <c r="G43" i="66"/>
  <c r="H42" i="66"/>
  <c r="G42" i="66"/>
  <c r="H41" i="66"/>
  <c r="G41" i="66"/>
  <c r="H40" i="66"/>
  <c r="G40" i="66"/>
  <c r="H39" i="66"/>
  <c r="G39" i="66"/>
  <c r="H38" i="66"/>
  <c r="G38" i="66"/>
  <c r="H37" i="66"/>
  <c r="G37" i="66"/>
  <c r="H36" i="66"/>
  <c r="G36" i="66"/>
  <c r="H35" i="66"/>
  <c r="G35" i="66"/>
  <c r="H34" i="66"/>
  <c r="G34" i="66"/>
  <c r="H33" i="66"/>
  <c r="G33" i="66"/>
  <c r="H32" i="66"/>
  <c r="G32" i="66"/>
  <c r="H31" i="66"/>
  <c r="G31" i="66"/>
  <c r="H30" i="66"/>
  <c r="G30" i="66"/>
  <c r="G28" i="66"/>
  <c r="H27" i="66"/>
  <c r="H23" i="66"/>
  <c r="H22" i="66"/>
  <c r="G22" i="66"/>
  <c r="G20" i="66"/>
  <c r="G19" i="66"/>
  <c r="G18" i="66"/>
  <c r="H17" i="66"/>
  <c r="G17" i="66"/>
  <c r="G16" i="66"/>
  <c r="H12" i="66"/>
  <c r="H11" i="66"/>
  <c r="G10" i="66"/>
  <c r="G9" i="66" s="1"/>
  <c r="G93" i="66" l="1"/>
  <c r="G23" i="66"/>
  <c r="G121" i="66"/>
  <c r="F128" i="66"/>
  <c r="D128" i="66"/>
  <c r="C128" i="66"/>
  <c r="E125" i="66"/>
  <c r="A12" i="44"/>
  <c r="A15" i="44"/>
  <c r="E128" i="66" l="1"/>
  <c r="E126" i="66"/>
  <c r="H125" i="66"/>
  <c r="H128" i="66" s="1"/>
  <c r="G125" i="66"/>
  <c r="G128" i="66" s="1"/>
  <c r="E33" i="58" l="1"/>
  <c r="C9" i="49" l="1"/>
  <c r="E31" i="58" l="1"/>
  <c r="F31" i="58" s="1"/>
  <c r="E16" i="49" l="1"/>
  <c r="E17" i="49"/>
  <c r="D16" i="49"/>
  <c r="D17" i="49"/>
  <c r="B9" i="49"/>
  <c r="B18" i="49"/>
  <c r="D24" i="48"/>
  <c r="E24" i="48"/>
  <c r="D25" i="48"/>
  <c r="E25" i="48"/>
  <c r="D26" i="48"/>
  <c r="E26" i="48"/>
  <c r="D27" i="48"/>
  <c r="E27" i="48"/>
  <c r="D28" i="48"/>
  <c r="E28" i="48"/>
  <c r="D29" i="48"/>
  <c r="E29" i="48"/>
  <c r="D30" i="48"/>
  <c r="E30" i="48"/>
  <c r="E30" i="58" l="1"/>
  <c r="F30" i="58" s="1"/>
  <c r="E41" i="58" l="1"/>
  <c r="F41" i="58" s="1"/>
  <c r="E40" i="58"/>
  <c r="F40" i="58" s="1"/>
  <c r="E39" i="58"/>
  <c r="F39" i="58" s="1"/>
  <c r="E38" i="58"/>
  <c r="F38" i="58" s="1"/>
  <c r="E37" i="58"/>
  <c r="F37" i="58" s="1"/>
  <c r="E36" i="58"/>
  <c r="F36" i="58" s="1"/>
  <c r="E35" i="58"/>
  <c r="F35" i="58" s="1"/>
  <c r="E34" i="58"/>
  <c r="F34" i="58" s="1"/>
  <c r="F33" i="58"/>
  <c r="E32" i="58"/>
  <c r="F32" i="58" s="1"/>
  <c r="D23" i="58"/>
  <c r="D21" i="58"/>
  <c r="E20" i="58"/>
  <c r="D20" i="58"/>
  <c r="E19" i="58"/>
  <c r="D19" i="58"/>
  <c r="E18" i="58"/>
  <c r="D18" i="58"/>
  <c r="E17" i="58"/>
  <c r="D17" i="58"/>
  <c r="E16" i="58"/>
  <c r="D16" i="58"/>
  <c r="E15" i="58"/>
  <c r="D15" i="58"/>
  <c r="E14" i="58"/>
  <c r="D14" i="58"/>
  <c r="E13" i="58"/>
  <c r="D13" i="58"/>
  <c r="E12" i="58"/>
  <c r="D12" i="58"/>
  <c r="E18" i="48"/>
  <c r="D18" i="48"/>
  <c r="P9" i="48"/>
  <c r="P10" i="48"/>
  <c r="E39" i="49"/>
  <c r="D39" i="49"/>
  <c r="E37" i="49"/>
  <c r="D37" i="49"/>
  <c r="E36" i="49"/>
  <c r="D36" i="49"/>
  <c r="E35" i="49"/>
  <c r="D35" i="49"/>
  <c r="E34" i="49"/>
  <c r="D34" i="49"/>
  <c r="E33" i="49"/>
  <c r="D33" i="49"/>
  <c r="E32" i="49"/>
  <c r="D32" i="49"/>
  <c r="E31" i="49"/>
  <c r="D31" i="49"/>
  <c r="E30" i="49"/>
  <c r="D30" i="49"/>
  <c r="E29" i="49"/>
  <c r="D29" i="49"/>
  <c r="E28" i="49"/>
  <c r="D28" i="49"/>
  <c r="E27" i="49"/>
  <c r="D27" i="49"/>
  <c r="E26" i="49"/>
  <c r="D26" i="49"/>
  <c r="E25" i="49"/>
  <c r="D25" i="49"/>
  <c r="E24" i="49"/>
  <c r="D24" i="49"/>
  <c r="E23" i="49"/>
  <c r="D23" i="49"/>
  <c r="E22" i="49"/>
  <c r="D22" i="49"/>
  <c r="E21" i="49"/>
  <c r="D21" i="49"/>
  <c r="E20" i="49"/>
  <c r="D20" i="49"/>
  <c r="E19" i="49"/>
  <c r="D19" i="49"/>
  <c r="E15" i="49"/>
  <c r="D15" i="49"/>
  <c r="E14" i="49"/>
  <c r="D14" i="49"/>
  <c r="E13" i="49"/>
  <c r="D13" i="49"/>
  <c r="E12" i="49"/>
  <c r="D12" i="49"/>
  <c r="E11" i="49"/>
  <c r="D11" i="49"/>
  <c r="D10" i="49"/>
  <c r="E10" i="49"/>
  <c r="D9" i="49" l="1"/>
  <c r="E9" i="49"/>
  <c r="H15" i="44"/>
  <c r="J15" i="44" s="1"/>
  <c r="O28" i="48" l="1"/>
  <c r="Q24" i="48"/>
  <c r="D11" i="48"/>
  <c r="O9" i="48" s="1"/>
  <c r="E11" i="58"/>
  <c r="D42" i="58"/>
  <c r="G42" i="58" s="1"/>
  <c r="C31" i="48"/>
  <c r="B42" i="58"/>
  <c r="H12" i="44"/>
  <c r="J13" i="44" s="1"/>
  <c r="B38" i="49"/>
  <c r="C18" i="49"/>
  <c r="C38" i="49"/>
  <c r="D38" i="49"/>
  <c r="P11" i="48"/>
  <c r="D12" i="48"/>
  <c r="O10" i="48" s="1"/>
  <c r="E12" i="48"/>
  <c r="D13" i="48"/>
  <c r="O11" i="48" s="1"/>
  <c r="E13" i="48"/>
  <c r="C14" i="48"/>
  <c r="O17" i="48"/>
  <c r="O18" i="48"/>
  <c r="D19" i="48"/>
  <c r="O19" i="48"/>
  <c r="D20" i="48"/>
  <c r="E20" i="48"/>
  <c r="B21" i="48"/>
  <c r="C21" i="48"/>
  <c r="O23" i="48"/>
  <c r="P23" i="48"/>
  <c r="Q23" i="48"/>
  <c r="O24" i="48"/>
  <c r="P24" i="48"/>
  <c r="O25" i="48"/>
  <c r="P25" i="48"/>
  <c r="Q25" i="48"/>
  <c r="O26" i="48"/>
  <c r="P26" i="48"/>
  <c r="Q26" i="48"/>
  <c r="O27" i="48"/>
  <c r="P27" i="48"/>
  <c r="Q27" i="48"/>
  <c r="P28" i="48"/>
  <c r="O29" i="48"/>
  <c r="P29" i="48"/>
  <c r="Q29" i="48"/>
  <c r="B31" i="48"/>
  <c r="D11" i="58"/>
  <c r="B22" i="58"/>
  <c r="B24" i="58" s="1"/>
  <c r="C22" i="58"/>
  <c r="C24" i="58" s="1"/>
  <c r="C42" i="58"/>
  <c r="I15" i="44"/>
  <c r="Q28" i="48"/>
  <c r="B14" i="48"/>
  <c r="E11" i="48"/>
  <c r="C36" i="48" l="1"/>
  <c r="C42" i="49"/>
  <c r="C35" i="48"/>
  <c r="B36" i="48"/>
  <c r="D21" i="48"/>
  <c r="E18" i="49"/>
  <c r="S27" i="48"/>
  <c r="S25" i="48"/>
  <c r="R23" i="48"/>
  <c r="O20" i="48"/>
  <c r="P20" i="48" s="1"/>
  <c r="B35" i="48"/>
  <c r="C40" i="49"/>
  <c r="E38" i="49"/>
  <c r="E31" i="48"/>
  <c r="S26" i="48"/>
  <c r="I12" i="44"/>
  <c r="D18" i="49"/>
  <c r="D40" i="49" s="1"/>
  <c r="B40" i="49"/>
  <c r="R28" i="48"/>
  <c r="S28" i="48"/>
  <c r="S24" i="48"/>
  <c r="R27" i="48"/>
  <c r="R25" i="48"/>
  <c r="O30" i="48"/>
  <c r="D31" i="48"/>
  <c r="S29" i="48"/>
  <c r="R24" i="48"/>
  <c r="P30" i="48"/>
  <c r="R29" i="48"/>
  <c r="R26" i="48"/>
  <c r="E21" i="48"/>
  <c r="P12" i="48"/>
  <c r="E24" i="58"/>
  <c r="D22" i="58"/>
  <c r="D24" i="58" s="1"/>
  <c r="E22" i="58"/>
  <c r="E42" i="58"/>
  <c r="F42" i="58" s="1"/>
  <c r="S23" i="48"/>
  <c r="Q30" i="48"/>
  <c r="O12" i="48"/>
  <c r="B42" i="49"/>
  <c r="D14" i="48"/>
  <c r="E14" i="48"/>
  <c r="E42" i="49" s="1"/>
  <c r="C43" i="49" l="1"/>
  <c r="D35" i="48"/>
  <c r="D42" i="49"/>
  <c r="D43" i="49" s="1"/>
  <c r="E40" i="49"/>
  <c r="E43" i="49" s="1"/>
  <c r="P18" i="48"/>
  <c r="P17" i="48"/>
  <c r="P19" i="48"/>
  <c r="B43" i="49"/>
  <c r="R30" i="48"/>
  <c r="S30" i="48"/>
  <c r="D36" i="48"/>
</calcChain>
</file>

<file path=xl/sharedStrings.xml><?xml version="1.0" encoding="utf-8"?>
<sst xmlns="http://schemas.openxmlformats.org/spreadsheetml/2006/main" count="310" uniqueCount="258">
  <si>
    <t>DESCRIPCION</t>
  </si>
  <si>
    <t>PRESUPUESTO VIGENTE</t>
  </si>
  <si>
    <t>EJECUTADO</t>
  </si>
  <si>
    <t>INGRESOS RECAUDADOS</t>
  </si>
  <si>
    <t>TOTAL GENERAL</t>
  </si>
  <si>
    <t xml:space="preserve">DESCRIPCION </t>
  </si>
  <si>
    <t xml:space="preserve">% EJEC. </t>
  </si>
  <si>
    <t>%</t>
  </si>
  <si>
    <t>SALDO PRESUPUESTARIO</t>
  </si>
  <si>
    <t>TOTAL</t>
  </si>
  <si>
    <t xml:space="preserve">100 Servicios Personales </t>
  </si>
  <si>
    <t xml:space="preserve"> 200 Servicios No Personales </t>
  </si>
  <si>
    <t xml:space="preserve"> 500 Inversión Física  </t>
  </si>
  <si>
    <t xml:space="preserve"> 800 Transferencias </t>
  </si>
  <si>
    <t xml:space="preserve"> 900 Otros Gastos </t>
  </si>
  <si>
    <t xml:space="preserve">132-2 Tasa Por Actuación Judicial </t>
  </si>
  <si>
    <t>Por Origen del Ingreso</t>
  </si>
  <si>
    <t>Capital</t>
  </si>
  <si>
    <t>Concepción</t>
  </si>
  <si>
    <t>San Pedro</t>
  </si>
  <si>
    <t>Cordillera</t>
  </si>
  <si>
    <t>Guaira</t>
  </si>
  <si>
    <t>Caaguazú</t>
  </si>
  <si>
    <t>Caazapá</t>
  </si>
  <si>
    <t>Misiones</t>
  </si>
  <si>
    <t>Paraguarí</t>
  </si>
  <si>
    <t>Alto Paraná</t>
  </si>
  <si>
    <t xml:space="preserve">Central </t>
  </si>
  <si>
    <t>Ñeembucú</t>
  </si>
  <si>
    <t>Amambay</t>
  </si>
  <si>
    <t>Canindeyú</t>
  </si>
  <si>
    <t>Alto Paraguay</t>
  </si>
  <si>
    <t xml:space="preserve">Presidente Hayes </t>
  </si>
  <si>
    <t>Itapúa</t>
  </si>
  <si>
    <t>FEBRERO</t>
  </si>
  <si>
    <t>ABRIL</t>
  </si>
  <si>
    <t>JUNIO</t>
  </si>
  <si>
    <t>JULIO</t>
  </si>
  <si>
    <t>AGOSTO</t>
  </si>
  <si>
    <t>OCTUBRE</t>
  </si>
  <si>
    <t>NOVIEMBRE</t>
  </si>
  <si>
    <t>DICIEMBRE</t>
  </si>
  <si>
    <t>ENERO</t>
  </si>
  <si>
    <t>SALDO PRESUP.</t>
  </si>
  <si>
    <t>SALDO</t>
  </si>
  <si>
    <t xml:space="preserve">30 - Recursos Institucionales </t>
  </si>
  <si>
    <t xml:space="preserve">SERVICIOS PERSONALES </t>
  </si>
  <si>
    <t>SUELDOS</t>
  </si>
  <si>
    <t xml:space="preserve">GASTOS DE REPRESENTACION </t>
  </si>
  <si>
    <t xml:space="preserve">AGUINALDO </t>
  </si>
  <si>
    <t>GASTOS DE RESIDENCIA</t>
  </si>
  <si>
    <t>REMUNERACION EXTRAORDINARIA</t>
  </si>
  <si>
    <t>SUBSIDIO FAMILIAR</t>
  </si>
  <si>
    <t>CONTRATACION DE PERSONAL DE SALUD</t>
  </si>
  <si>
    <t xml:space="preserve">JORNALES </t>
  </si>
  <si>
    <t xml:space="preserve">OTROS GASTOS DEL PERSONAL </t>
  </si>
  <si>
    <t>SERVICIOS NO PERSONALES</t>
  </si>
  <si>
    <t xml:space="preserve">BIENES DE CONSUMO E INSUMOS </t>
  </si>
  <si>
    <t>INVERSION FISICA</t>
  </si>
  <si>
    <t xml:space="preserve">TRANSFERENCIAS </t>
  </si>
  <si>
    <t>BECAS</t>
  </si>
  <si>
    <t xml:space="preserve">OTROS GASTOS </t>
  </si>
  <si>
    <t>HONORARIOS PROFESIONALES</t>
  </si>
  <si>
    <t>MES</t>
  </si>
  <si>
    <t>RECAUDACION  ESTIMADA (*)</t>
  </si>
  <si>
    <t>DIFERENCIA</t>
  </si>
  <si>
    <t>(a)</t>
  </si>
  <si>
    <t>(b)</t>
  </si>
  <si>
    <t>(c)</t>
  </si>
  <si>
    <t>(d)</t>
  </si>
  <si>
    <t>DIRECCION FINANCIERA – Departamento de Presupuesto</t>
  </si>
  <si>
    <t xml:space="preserve">PRESUPUESTO VIGENTE </t>
  </si>
  <si>
    <t>e=(d-c)</t>
  </si>
  <si>
    <t xml:space="preserve">MARZO </t>
  </si>
  <si>
    <t xml:space="preserve">MAYO </t>
  </si>
  <si>
    <t xml:space="preserve">SALDO </t>
  </si>
  <si>
    <t>SETIEMBRE</t>
  </si>
  <si>
    <t>111 - SUELDOS</t>
  </si>
  <si>
    <t>113 - GASTOS DE REPRESENTACION</t>
  </si>
  <si>
    <t xml:space="preserve"> 300 Bienes de Consumo e Insumos </t>
  </si>
  <si>
    <t>(d)=(b-c)</t>
  </si>
  <si>
    <t>(e)=(c/b)</t>
  </si>
  <si>
    <t>(f)=(e/c)</t>
  </si>
  <si>
    <t>3.1 - POR TIPO DE PRESUPUESTO</t>
  </si>
  <si>
    <t>Por Tipo de Presupuesto</t>
  </si>
  <si>
    <t>3.2 - POR FUENTE DE FINANCIAMIENTO</t>
  </si>
  <si>
    <t>% EJEC.</t>
  </si>
  <si>
    <t xml:space="preserve">2. CUADRO COMPARATIVO MENSUAL DE INGRESOS TOTALES (Fuente: Departamento de Ingresos Judiciales) </t>
  </si>
  <si>
    <t xml:space="preserve"> 700 Servicio de la Deuda Pública </t>
  </si>
  <si>
    <t>Grupo 100</t>
  </si>
  <si>
    <t>Grupo 200</t>
  </si>
  <si>
    <t>Grupo 300</t>
  </si>
  <si>
    <t>Grupo 500</t>
  </si>
  <si>
    <t>Grupo 700</t>
  </si>
  <si>
    <t>Grupo 800</t>
  </si>
  <si>
    <t>Grupo 900</t>
  </si>
  <si>
    <t xml:space="preserve">10 - Recursos del Tesoro </t>
  </si>
  <si>
    <t>Programa Central</t>
  </si>
  <si>
    <t>Programa Sustantivos</t>
  </si>
  <si>
    <t>Partidas no asignables a Programas</t>
  </si>
  <si>
    <t>1- Programa Central</t>
  </si>
  <si>
    <t>2- Programa Sustantivos</t>
  </si>
  <si>
    <t>3- Partidas no asignables a Programas</t>
  </si>
  <si>
    <t xml:space="preserve">EJECUTADO </t>
  </si>
  <si>
    <t>PROGRAMA CENTRAL</t>
  </si>
  <si>
    <t>Administracion Institucional</t>
  </si>
  <si>
    <t>Apoyo a la Gestion Jurisdiccional</t>
  </si>
  <si>
    <t>Registracion Publica de Titulos de Propiedad</t>
  </si>
  <si>
    <t>Registracion Publica de Automotor</t>
  </si>
  <si>
    <t>Construccion de Palacios de Justicia</t>
  </si>
  <si>
    <t>PROGRAMAS SUSTANTIVOS</t>
  </si>
  <si>
    <t>Administracion Superior de Justicia</t>
  </si>
  <si>
    <t>Boquerón</t>
  </si>
  <si>
    <t>PARTIDAS NO ASIGNABLES A PROGRAMAS</t>
  </si>
  <si>
    <t>Pago de Servicio de la Deuda</t>
  </si>
  <si>
    <t xml:space="preserve">TOTAL </t>
  </si>
  <si>
    <t>GRATIFICACIONES POR SERVICIOS ESPECIALES</t>
  </si>
  <si>
    <t>SERVICIO DE LA DEUDA PUBLICA</t>
  </si>
  <si>
    <t>PAGO DE IMPUESTOS, TASAS, GASTOS JUDICIALES Y OTROS</t>
  </si>
  <si>
    <t>Total</t>
  </si>
  <si>
    <t>INGRESO REAL/PROMEDIO (**)</t>
  </si>
  <si>
    <t xml:space="preserve">ENERGIA ELECTRICA </t>
  </si>
  <si>
    <t>AGUA</t>
  </si>
  <si>
    <t xml:space="preserve">TRANSPORTE </t>
  </si>
  <si>
    <t>ALMACENAJE</t>
  </si>
  <si>
    <t>TRANSPORTE DE PERSONAS</t>
  </si>
  <si>
    <t>PASAJES</t>
  </si>
  <si>
    <t xml:space="preserve">MANT. Y REP. MENORES DE EDIFICIOS Y LOCALES </t>
  </si>
  <si>
    <t>SERVICIOS DE LIMPIEZA, ASEO Y FUMIGACION</t>
  </si>
  <si>
    <t xml:space="preserve">MANT. Y REP. MENORES DE INSTALACIONES </t>
  </si>
  <si>
    <t xml:space="preserve">ALQUILER DE EDIFICIOS Y LOCALES </t>
  </si>
  <si>
    <t xml:space="preserve">IMPRENTA, PUBLICACIONES Y REPRODUCCIONES </t>
  </si>
  <si>
    <t xml:space="preserve">SERVICIOS BANCARIOS </t>
  </si>
  <si>
    <t xml:space="preserve">PUBLICIDAD Y PROPAGANDA </t>
  </si>
  <si>
    <t xml:space="preserve">SERVICIOS DE COMUNICACIONES </t>
  </si>
  <si>
    <t xml:space="preserve">SERVICIOS DE CEREMONIAL </t>
  </si>
  <si>
    <t xml:space="preserve">SERVICOS DE VIGILANCIA </t>
  </si>
  <si>
    <t xml:space="preserve">SERVICIOS DE CATERING </t>
  </si>
  <si>
    <t xml:space="preserve">SERVICIOS EN GENERAL </t>
  </si>
  <si>
    <t>ALIMENTOS PARA PERSONAS</t>
  </si>
  <si>
    <t xml:space="preserve">HILADOS Y TELAS </t>
  </si>
  <si>
    <t>PAPEL DE ESCRITORIO Y CARTON</t>
  </si>
  <si>
    <t xml:space="preserve">PRODUCTOS DE ARTES GRAFICAS </t>
  </si>
  <si>
    <t xml:space="preserve">ELEMENTOS DE LIMPIEZA </t>
  </si>
  <si>
    <t xml:space="preserve">UTILES DE ESCRITORIO, OFICINA Y ENSERES </t>
  </si>
  <si>
    <t xml:space="preserve">REPUESTOS Y ACCESORIOS MENORES </t>
  </si>
  <si>
    <t xml:space="preserve">ELEMENTOS Y UTILES DIVERSOS </t>
  </si>
  <si>
    <t xml:space="preserve">COMPUESTOS QUIMICOS </t>
  </si>
  <si>
    <t xml:space="preserve">COMBUSTIBLES </t>
  </si>
  <si>
    <t xml:space="preserve">LUBRICANTES </t>
  </si>
  <si>
    <t>ARTICULOS DE CAUCHO</t>
  </si>
  <si>
    <t xml:space="preserve">CUBIERTAS Y CAMARAS DE AIRE </t>
  </si>
  <si>
    <t xml:space="preserve">ESTRUCTURAS METALICAS ACABADAS </t>
  </si>
  <si>
    <t>HERRAMIENTAS MENORES</t>
  </si>
  <si>
    <t xml:space="preserve">BIENES DE CONSUMO VARIOS </t>
  </si>
  <si>
    <t xml:space="preserve">CONSTRUCCIONES DE OBRAS DE USO INSTITUCIONAL </t>
  </si>
  <si>
    <t xml:space="preserve">ADQUISICIONES DE MUEBLES Y ENSERES </t>
  </si>
  <si>
    <t xml:space="preserve">ADQUISICIÓN DE EQUIPOS DE OFICINA </t>
  </si>
  <si>
    <t xml:space="preserve">CONFECCIONES TEXTILES </t>
  </si>
  <si>
    <t>20- Recursos del Credito Público</t>
  </si>
  <si>
    <t xml:space="preserve">20 - Recursos del Credito Publico </t>
  </si>
  <si>
    <t>3.3 - POR GRUPO DE GASTOS (F.F. 10 + 20 + 30)</t>
  </si>
  <si>
    <t>O.G.</t>
  </si>
  <si>
    <t>BONIFICACIONES Y GRATIFICACIONES</t>
  </si>
  <si>
    <t xml:space="preserve">TELEFONOS, TELEFAX Y OTROS SERV.DE TELECOMUNICACIONES </t>
  </si>
  <si>
    <t>CORREOS Y OTROS SERVICIOS POSTALES</t>
  </si>
  <si>
    <t xml:space="preserve">PASAJES Y VIATICOS VARIOS </t>
  </si>
  <si>
    <t xml:space="preserve">MANT. Y REP. MENORES DE MAQUINARIAS EQUIPOS </t>
  </si>
  <si>
    <t>MANT. Y REP. MENORES DE EQUIPOS DE TRANSPORTE</t>
  </si>
  <si>
    <t xml:space="preserve">DE INFORMATICA Y SISTEMAS COMPUTARIZADOS </t>
  </si>
  <si>
    <t xml:space="preserve">CONSULTORIAS ASESORIAS E INVESTIGACIONES </t>
  </si>
  <si>
    <t xml:space="preserve">PRODUCTOS DE VIDRIO, LOZA Y PORCELANA </t>
  </si>
  <si>
    <t xml:space="preserve">PRODUCTOS FARMACEUTICOS Y MEDICINALES </t>
  </si>
  <si>
    <t xml:space="preserve">INSECTICIDAS FUMIGANTES Y OTROS </t>
  </si>
  <si>
    <t xml:space="preserve">TINTAS PINTURAS Y COLORANTES </t>
  </si>
  <si>
    <t>MATERIALES PARA SEGURIDAD Y ADIESTRAMIENTO</t>
  </si>
  <si>
    <t>EQUIPOS DE COMUNICACIONES Y SEÑALAMIENTOS</t>
  </si>
  <si>
    <t xml:space="preserve">REPARACIONES MAYORES DE EQUIPOS </t>
  </si>
  <si>
    <t>AMORT. DE LA DEUDA CON EL SECTOR PUBLICO NO FINANCIERO</t>
  </si>
  <si>
    <t xml:space="preserve">APORTE A ENT. EDUCATIVAS E INST. SIN FINES DE LUCRO </t>
  </si>
  <si>
    <t>TRANSFERENCIAS CORRIENTES AL SECTOR PRIVADAS EXTER.</t>
  </si>
  <si>
    <t>DEVOLUCION DE IMPUESTOS Y OTROS INGRESOS NO TRIB.</t>
  </si>
  <si>
    <t xml:space="preserve">PRIMAS Y GASTOS DE SEGUROS </t>
  </si>
  <si>
    <t xml:space="preserve">UTENSILIOS DE COCINA Y COMEDOR </t>
  </si>
  <si>
    <t xml:space="preserve">PRODUCTOS E INSUMOS NO METALICOS </t>
  </si>
  <si>
    <t>132-44 Canon por Habilitacion de Matriculas Prof.</t>
  </si>
  <si>
    <t>132-98 Coberura de Gastos Judiciales</t>
  </si>
  <si>
    <t>1. CUADRO DE EJECUCION DE INGRESOS (Fuente: SICO del Ministerio de Economia y Finanzas)</t>
  </si>
  <si>
    <t>DERECHOS DE BIENES INTANGIBLES</t>
  </si>
  <si>
    <t xml:space="preserve">SERVICIOS DE SEGURO MEDICO </t>
  </si>
  <si>
    <t xml:space="preserve">CAPACITACION DEL PERSONAL DEL ESTADO </t>
  </si>
  <si>
    <t xml:space="preserve">PRODUCTOS DE PAPEL Y CARTON </t>
  </si>
  <si>
    <t>PRODUCTOS DE MATERIAL PLASTICO</t>
  </si>
  <si>
    <t>UTILES Y MATERIALES MEDICO-QUIRUGICOS Y DE LABORATORIO</t>
  </si>
  <si>
    <t xml:space="preserve">ARTICULOS DE PLASTICOS </t>
  </si>
  <si>
    <t xml:space="preserve">PRODUCTOS E INSUMOS METALICOS </t>
  </si>
  <si>
    <t xml:space="preserve">ADQUISICIÓN DE EQUIPOS DE COMPUTACION </t>
  </si>
  <si>
    <t>INT. DE LA DEUDA CON EL SECTOR PUBLICO NO FINANCIERO</t>
  </si>
  <si>
    <t>OTRAS TRANSFERENCIAS CORRIENTES</t>
  </si>
  <si>
    <t>SERVICIOS TECNICOS Y PROFESIONALES VARIOS</t>
  </si>
  <si>
    <t>EQUIPOS DE SALUD Y DE LABORATORIO</t>
  </si>
  <si>
    <t>HERRAMIENTAS, APARATOS E INSTRUMENTOS EN GENERAL</t>
  </si>
  <si>
    <t>ACTIVOS INTANGIBLES</t>
  </si>
  <si>
    <t>LIBROS, REVISTAS Y PERIÓDICOS</t>
  </si>
  <si>
    <t>MAQUINARIAS Y EQUIPOS AGROPECUARIOS E INDUSTRIALES</t>
  </si>
  <si>
    <t>MAQUINARIAS Y EQUIPOS INDUSTRIALES</t>
  </si>
  <si>
    <t xml:space="preserve">EQUIPOS EDUCATIVOS Y RECREACIONALES </t>
  </si>
  <si>
    <t>EQUIPOS DE TRANSPORTE</t>
  </si>
  <si>
    <t xml:space="preserve">EQUIPOS DE SEGURIDAD INSTITUCIONAL </t>
  </si>
  <si>
    <t>TOTAL EJECUTADO</t>
  </si>
  <si>
    <t>ALQUILER DE MAQUINARIAS Y EQUIPOS</t>
  </si>
  <si>
    <t>PRESUPUESTO INICIAL</t>
  </si>
  <si>
    <t>ABONOS Y FERTILIZANTES</t>
  </si>
  <si>
    <t>TIERRAS Y TERRENOS</t>
  </si>
  <si>
    <t>CAPACITACION Y FORMACION LABORAL</t>
  </si>
  <si>
    <t>INDEMINIZACIONES</t>
  </si>
  <si>
    <t xml:space="preserve">VIATICOS Y MOVILIDAD </t>
  </si>
  <si>
    <t xml:space="preserve">UTILES Y MATERIALES ELECTRICOS </t>
  </si>
  <si>
    <t>ENERO (***)</t>
  </si>
  <si>
    <t>TEXTOS DE ENSEÑANZA</t>
  </si>
  <si>
    <t>MODIFIC. (+/-)</t>
  </si>
  <si>
    <t xml:space="preserve">OTRAS OBRAS E INSTALACIONES DE INFRAESTRUCTURAS </t>
  </si>
  <si>
    <t>PRENDAS DE VESTIR</t>
  </si>
  <si>
    <t>CALZADOS</t>
  </si>
  <si>
    <t xml:space="preserve">132-11 Registro Automotor </t>
  </si>
  <si>
    <t xml:space="preserve">132-19 Tasas Varias </t>
  </si>
  <si>
    <t xml:space="preserve">132-40 Tasa Por Registro De Marcas </t>
  </si>
  <si>
    <t xml:space="preserve">133-1 Multas </t>
  </si>
  <si>
    <t xml:space="preserve">141-1 Venta De Libros, Form.Y Doc. </t>
  </si>
  <si>
    <t>163-99 Alquileres Varios</t>
  </si>
  <si>
    <t xml:space="preserve">191-9 Varios </t>
  </si>
  <si>
    <t>343-10 De Recursos Propios  (*)</t>
  </si>
  <si>
    <t>DEUDAS PENDIENTES DE PAGO DE GASTOS CORRIENTES DE EJERCICIOS</t>
  </si>
  <si>
    <t>211-10 Ventas de Activos Capital</t>
  </si>
  <si>
    <t xml:space="preserve"> </t>
  </si>
  <si>
    <t>PRESUPUESTO EJERCICIO FISCAL 2026</t>
  </si>
  <si>
    <t>4. CONSOLIDADO POR PROGRAMAS Y ACTIVIDADES  (F.F. 10 + 30)</t>
  </si>
  <si>
    <t xml:space="preserve">3.  CUADROS DE EJECUCION DE GASTOS </t>
  </si>
  <si>
    <t>6. Ejecución Mensual del Anexo del Personal - Sueldos y Gastos de Representación</t>
  </si>
  <si>
    <t>SEPTIEMBRE</t>
  </si>
  <si>
    <t>MAYO</t>
  </si>
  <si>
    <t>Registracion Publica Especial</t>
  </si>
  <si>
    <t>Administracion del Registro Unificado</t>
  </si>
  <si>
    <t xml:space="preserve">Emision de Documentos Catastrales </t>
  </si>
  <si>
    <t>REMUNERACION ADICIONAL</t>
  </si>
  <si>
    <t>REPARACIONES MAYORES DE MAQUINAS</t>
  </si>
  <si>
    <t xml:space="preserve">(*) Datos conforme al Sistema Integrado de Contabilidad (SICO) del Ministerio de Economia y Finanzas </t>
  </si>
  <si>
    <t>FEBRERO (***)</t>
  </si>
  <si>
    <t>-</t>
  </si>
  <si>
    <t xml:space="preserve">ADQUISICIONES DE EQUIPOS DE OFICINA Y COMPUTACION VARIAS </t>
  </si>
  <si>
    <t>MARZO (***)</t>
  </si>
  <si>
    <t>CONSOLIDADO POR SUBGRUPO Y OBJETO DE GASTO (F.F. 10 + 30)</t>
  </si>
  <si>
    <t xml:space="preserve">(***) En los meses de enero a marzo/2026, el Ingreso Real supero a la Recaudación Estimada en un 58, 34 y 29% respectivamente.   </t>
  </si>
  <si>
    <t>(*) La Recaudación Estimada, corresponde a lo informado por el Dpto. de Ingresos, por Nota NDI N° 86 de fecha 16/01/2026.</t>
  </si>
  <si>
    <r>
      <t>(**) En la columna INGRESO REAL/PROMEDIO, los</t>
    </r>
    <r>
      <rPr>
        <b/>
        <sz val="11"/>
        <rFont val="Arial Narrow"/>
        <family val="2"/>
      </rPr>
      <t xml:space="preserve"> montos detallados desde el mes de enero hasta el mes de mayo/2026, corresponde a la recaudación efectiva según el informe mensual del Departamento de Ingresos por Memorando  MDI N° 155, de fecha 04 de junio de 2026 ascendiendo a la suma de Gs. 234.271.874.218.-. </t>
    </r>
  </si>
  <si>
    <t xml:space="preserve">EJECUCION PRESUPUESTARIA DE GASTOS DEL 01/01/2026 AL 31/05/2026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(*) El monto aumentado en el concepto 343-10 Recursos Propios, corresponde al Cambio de Fuente de Financiamiento de 10 a 30 por Gs- 30.000.000.000.- </t>
  </si>
  <si>
    <t xml:space="preserve">EJECUCION PRESUPUESTARIA DE GASTOS DEL 01/01/2026 AL31/05/2026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9">
    <numFmt numFmtId="41" formatCode="_ * #,##0_ ;_ * \-#,##0_ ;_ * &quot;-&quot;_ ;_ @_ "/>
    <numFmt numFmtId="43" formatCode="_ * #,##0.00_ ;_ * \-#,##0.00_ ;_ * &quot;-&quot;??_ ;_ @_ "/>
    <numFmt numFmtId="164" formatCode="&quot;Gs&quot;\ #,##0_);\(&quot;Gs&quot;\ #,##0\)"/>
    <numFmt numFmtId="165" formatCode="_(* #,##0_);_(* \(#,##0\);_(* &quot;-&quot;_);_(@_)"/>
    <numFmt numFmtId="166" formatCode="_(* #,##0.00_);_(* \(#,##0.00\);_(* &quot;-&quot;??_);_(@_)"/>
    <numFmt numFmtId="167" formatCode="#,##0.00\ &quot;€&quot;;[Red]\-#,##0.00\ &quot;€&quot;"/>
    <numFmt numFmtId="168" formatCode="_-* #,##0\ _€_-;\-* #,##0\ _€_-;_-* &quot;-&quot;\ _€_-;_-@_-"/>
    <numFmt numFmtId="169" formatCode="_-* #,##0.00\ _€_-;\-* #,##0.00\ _€_-;_-* &quot;-&quot;??\ _€_-;_-@_-"/>
    <numFmt numFmtId="170" formatCode="&quot;$&quot;#,##0.00;\-&quot;$&quot;#,##0.00"/>
    <numFmt numFmtId="171" formatCode="_-* #,##0.00_-;\-* #,##0.00_-;_-* &quot;-&quot;??_-;_-@_-"/>
    <numFmt numFmtId="172" formatCode="_ [$€-2]\ * #,##0.00_ ;_ [$€-2]\ * \-#,##0.00_ ;_ [$€-2]\ * &quot;-&quot;??_ "/>
    <numFmt numFmtId="173" formatCode="_-* #,##0_-;\-* #,##0_-;_-* &quot;-&quot;??_-;_-@_-"/>
    <numFmt numFmtId="174" formatCode="_-* #,##0\ _€_-;\-* #,##0\ _€_-;_-* &quot;-&quot;??\ _€_-;_-@_-"/>
    <numFmt numFmtId="175" formatCode="0.0%"/>
    <numFmt numFmtId="176" formatCode="_-* #,##0.0\ _€_-;\-* #,##0.0\ _€_-;_-* &quot;-&quot;??\ _€_-;_-@_-"/>
    <numFmt numFmtId="177" formatCode="[$€-2]\ #,##0.00_);[Red]\([$€-2]\ #,##0.00\)"/>
    <numFmt numFmtId="178" formatCode="_-* ###,0&quot;.&quot;00\ _€_-;\-* ###,0&quot;.&quot;00\ _€_-;_-* &quot;-&quot;??\ _€_-;_-@_-"/>
    <numFmt numFmtId="179" formatCode="_(* #,##0_);_(* \(#,##0\);_(* &quot;-&quot;??_);_(@_)"/>
    <numFmt numFmtId="180" formatCode="&quot; &quot;#,##0&quot; &quot;;&quot; -&quot;#,##0&quot; &quot;;&quot; - &quot;;&quot; &quot;@&quot; &quot;"/>
  </numFmts>
  <fonts count="43" x14ac:knownFonts="1">
    <font>
      <sz val="10"/>
      <name val="Arial"/>
    </font>
    <font>
      <sz val="11"/>
      <color indexed="8"/>
      <name val="Calibri"/>
      <family val="2"/>
    </font>
    <font>
      <sz val="10"/>
      <name val="Arial"/>
      <family val="2"/>
    </font>
    <font>
      <sz val="12"/>
      <name val="Arial Narrow"/>
      <family val="2"/>
    </font>
    <font>
      <b/>
      <sz val="10"/>
      <name val="Arial"/>
      <family val="2"/>
    </font>
    <font>
      <sz val="10"/>
      <name val="Century Gothic"/>
      <family val="2"/>
    </font>
    <font>
      <sz val="10"/>
      <name val="Arial"/>
      <family val="2"/>
    </font>
    <font>
      <sz val="10"/>
      <color indexed="8"/>
      <name val="Arial"/>
      <family val="2"/>
    </font>
    <font>
      <b/>
      <sz val="12"/>
      <color indexed="8"/>
      <name val="Arial Narrow"/>
      <family val="2"/>
    </font>
    <font>
      <sz val="12"/>
      <color indexed="8"/>
      <name val="Arial Narrow"/>
      <family val="2"/>
    </font>
    <font>
      <sz val="11"/>
      <color indexed="8"/>
      <name val="Calibri"/>
      <family val="2"/>
    </font>
    <font>
      <b/>
      <sz val="11"/>
      <color indexed="8"/>
      <name val="Arial Narrow"/>
      <family val="2"/>
    </font>
    <font>
      <b/>
      <sz val="11"/>
      <name val="Arial Narrow"/>
      <family val="2"/>
    </font>
    <font>
      <sz val="11"/>
      <name val="Arial Narrow"/>
      <family val="2"/>
    </font>
    <font>
      <b/>
      <sz val="12"/>
      <name val="Arial Narrow"/>
      <family val="2"/>
    </font>
    <font>
      <sz val="10"/>
      <name val="Arial Narrow"/>
      <family val="2"/>
    </font>
    <font>
      <sz val="11.5"/>
      <color indexed="8"/>
      <name val="Arial Narrow"/>
      <family val="2"/>
    </font>
    <font>
      <b/>
      <sz val="11.5"/>
      <color indexed="8"/>
      <name val="Arial Narrow"/>
      <family val="2"/>
    </font>
    <font>
      <sz val="10"/>
      <color indexed="8"/>
      <name val="Calibri"/>
      <family val="2"/>
    </font>
    <font>
      <b/>
      <sz val="11.5"/>
      <name val="Arial Narrow"/>
      <family val="2"/>
    </font>
    <font>
      <sz val="11"/>
      <color indexed="8"/>
      <name val="Arial Narrow"/>
      <family val="2"/>
    </font>
    <font>
      <b/>
      <sz val="16"/>
      <name val="Arial Narrow"/>
      <family val="2"/>
    </font>
    <font>
      <i/>
      <sz val="12"/>
      <name val="Arial Narrow"/>
      <family val="2"/>
    </font>
    <font>
      <sz val="11"/>
      <color theme="1"/>
      <name val="Calibri"/>
      <family val="2"/>
      <scheme val="minor"/>
    </font>
    <font>
      <sz val="11"/>
      <color theme="1"/>
      <name val="Perpetua"/>
      <family val="2"/>
    </font>
    <font>
      <sz val="11"/>
      <color theme="0"/>
      <name val="Perpetua"/>
      <family val="2"/>
    </font>
    <font>
      <sz val="11"/>
      <color rgb="FF000000"/>
      <name val="Calibri"/>
      <family val="2"/>
    </font>
    <font>
      <sz val="10"/>
      <color theme="1"/>
      <name val="Calibri"/>
      <family val="2"/>
    </font>
    <font>
      <sz val="9"/>
      <name val="Calibri"/>
      <family val="2"/>
      <scheme val="minor"/>
    </font>
    <font>
      <b/>
      <sz val="11.5"/>
      <color theme="0"/>
      <name val="Arial Narrow"/>
      <family val="2"/>
    </font>
    <font>
      <sz val="11.5"/>
      <color rgb="FF000000"/>
      <name val="Arial Narrow"/>
      <family val="2"/>
    </font>
    <font>
      <sz val="11"/>
      <color rgb="FF000000"/>
      <name val="Arial Narrow"/>
      <family val="2"/>
    </font>
    <font>
      <b/>
      <sz val="11"/>
      <color theme="0"/>
      <name val="Arial Narrow"/>
      <family val="2"/>
    </font>
    <font>
      <b/>
      <sz val="12"/>
      <color theme="0"/>
      <name val="Arial Narrow"/>
      <family val="2"/>
    </font>
    <font>
      <b/>
      <sz val="11"/>
      <color theme="1"/>
      <name val="Arial Narrow"/>
      <family val="2"/>
    </font>
    <font>
      <sz val="12"/>
      <color rgb="FF000000"/>
      <name val="Arial Narrow"/>
      <family val="2"/>
    </font>
    <font>
      <b/>
      <sz val="11"/>
      <color rgb="FF000000"/>
      <name val="Arial Narrow"/>
      <family val="2"/>
    </font>
    <font>
      <b/>
      <sz val="12"/>
      <color theme="1"/>
      <name val="Arial Narrow"/>
      <family val="2"/>
    </font>
    <font>
      <b/>
      <sz val="8"/>
      <color rgb="FF323E4F"/>
      <name val="Times New Roman"/>
      <family val="1"/>
    </font>
    <font>
      <b/>
      <sz val="14"/>
      <name val="Calibri"/>
      <family val="2"/>
      <scheme val="minor"/>
    </font>
    <font>
      <b/>
      <sz val="20"/>
      <name val="Calibri"/>
      <family val="2"/>
      <scheme val="minor"/>
    </font>
    <font>
      <sz val="9"/>
      <color rgb="FF000000"/>
      <name val="Arial Narrow"/>
      <family val="2"/>
    </font>
    <font>
      <b/>
      <sz val="10"/>
      <name val="Arial Narrow"/>
      <family val="2"/>
    </font>
  </fonts>
  <fills count="11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5"/>
      </patternFill>
    </fill>
    <fill>
      <patternFill patternType="solid">
        <fgColor theme="0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2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806">
    <xf numFmtId="0" fontId="0" fillId="0" borderId="0"/>
    <xf numFmtId="0" fontId="24" fillId="3" borderId="0" applyNumberFormat="0" applyBorder="0" applyAlignment="0" applyProtection="0"/>
    <xf numFmtId="0" fontId="25" fillId="4" borderId="0" applyNumberFormat="0" applyBorder="0" applyAlignment="0" applyProtection="0"/>
    <xf numFmtId="172" fontId="2" fillId="0" borderId="0" applyFont="0" applyFill="0" applyBorder="0" applyAlignment="0" applyProtection="0"/>
    <xf numFmtId="172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8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23" fillId="0" borderId="0" applyFont="0" applyFill="0" applyBorder="0" applyAlignment="0" applyProtection="0"/>
    <xf numFmtId="41" fontId="23" fillId="0" borderId="0" applyFont="0" applyFill="0" applyBorder="0" applyAlignment="0" applyProtection="0"/>
    <xf numFmtId="41" fontId="23" fillId="0" borderId="0" applyFont="0" applyFill="0" applyBorder="0" applyAlignment="0" applyProtection="0"/>
    <xf numFmtId="41" fontId="23" fillId="0" borderId="0" applyFont="0" applyFill="0" applyBorder="0" applyAlignment="0" applyProtection="0"/>
    <xf numFmtId="41" fontId="23" fillId="0" borderId="0" applyFont="0" applyFill="0" applyBorder="0" applyAlignment="0" applyProtection="0"/>
    <xf numFmtId="41" fontId="23" fillId="0" borderId="0" applyFont="0" applyFill="0" applyBorder="0" applyAlignment="0" applyProtection="0"/>
    <xf numFmtId="165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80" fontId="26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10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71" fontId="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74" fontId="2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71" fontId="3" fillId="0" borderId="0" applyFont="0" applyFill="0" applyBorder="0" applyAlignment="0" applyProtection="0"/>
    <xf numFmtId="170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0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9" fontId="27" fillId="0" borderId="0" applyFont="0" applyFill="0" applyBorder="0" applyAlignment="0" applyProtection="0"/>
    <xf numFmtId="166" fontId="27" fillId="0" borderId="0" applyFont="0" applyFill="0" applyBorder="0" applyAlignment="0" applyProtection="0"/>
    <xf numFmtId="169" fontId="27" fillId="0" borderId="0" applyFont="0" applyFill="0" applyBorder="0" applyAlignment="0" applyProtection="0"/>
    <xf numFmtId="169" fontId="27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8" fontId="2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9" fontId="6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169" fontId="1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71" fontId="3" fillId="0" borderId="0" applyFont="0" applyFill="0" applyBorder="0" applyAlignment="0" applyProtection="0"/>
    <xf numFmtId="172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2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7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1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7" fillId="0" borderId="0"/>
    <xf numFmtId="0" fontId="2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2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3" fillId="0" borderId="0"/>
    <xf numFmtId="0" fontId="23" fillId="0" borderId="0"/>
    <xf numFmtId="0" fontId="26" fillId="0" borderId="0"/>
    <xf numFmtId="0" fontId="26" fillId="0" borderId="0"/>
    <xf numFmtId="0" fontId="26" fillId="0" borderId="0"/>
    <xf numFmtId="0" fontId="26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1" fillId="0" borderId="0"/>
    <xf numFmtId="0" fontId="1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1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" fillId="0" borderId="0"/>
    <xf numFmtId="0" fontId="3" fillId="0" borderId="0"/>
    <xf numFmtId="0" fontId="3" fillId="0" borderId="0"/>
    <xf numFmtId="0" fontId="3" fillId="0" borderId="0"/>
    <xf numFmtId="0" fontId="27" fillId="0" borderId="0"/>
    <xf numFmtId="0" fontId="3" fillId="0" borderId="0"/>
    <xf numFmtId="0" fontId="2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9" fontId="2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8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</cellStyleXfs>
  <cellXfs count="233">
    <xf numFmtId="0" fontId="0" fillId="0" borderId="0" xfId="0"/>
    <xf numFmtId="0" fontId="5" fillId="0" borderId="0" xfId="0" applyFont="1"/>
    <xf numFmtId="0" fontId="4" fillId="0" borderId="0" xfId="0" applyFont="1"/>
    <xf numFmtId="173" fontId="8" fillId="0" borderId="0" xfId="534" applyNumberFormat="1" applyFont="1" applyBorder="1"/>
    <xf numFmtId="10" fontId="9" fillId="0" borderId="0" xfId="1688" applyNumberFormat="1" applyFont="1"/>
    <xf numFmtId="173" fontId="9" fillId="0" borderId="0" xfId="534" applyNumberFormat="1" applyFont="1"/>
    <xf numFmtId="9" fontId="9" fillId="0" borderId="0" xfId="1688" applyFont="1"/>
    <xf numFmtId="173" fontId="7" fillId="0" borderId="0" xfId="534" applyNumberFormat="1" applyFont="1"/>
    <xf numFmtId="9" fontId="9" fillId="0" borderId="0" xfId="1654" applyFont="1"/>
    <xf numFmtId="9" fontId="7" fillId="0" borderId="0" xfId="1654" applyFont="1"/>
    <xf numFmtId="174" fontId="0" fillId="0" borderId="0" xfId="5" applyNumberFormat="1" applyFont="1"/>
    <xf numFmtId="3" fontId="0" fillId="0" borderId="0" xfId="0" applyNumberFormat="1"/>
    <xf numFmtId="9" fontId="0" fillId="0" borderId="0" xfId="1654" applyFont="1"/>
    <xf numFmtId="0" fontId="0" fillId="0" borderId="0" xfId="0" applyAlignment="1">
      <alignment vertical="center"/>
    </xf>
    <xf numFmtId="0" fontId="15" fillId="0" borderId="0" xfId="0" applyFont="1" applyAlignment="1">
      <alignment vertical="center"/>
    </xf>
    <xf numFmtId="10" fontId="9" fillId="0" borderId="0" xfId="1688" applyNumberFormat="1" applyFont="1" applyAlignment="1">
      <alignment vertical="center"/>
    </xf>
    <xf numFmtId="9" fontId="9" fillId="0" borderId="0" xfId="1654" applyFont="1" applyAlignment="1">
      <alignment vertical="center"/>
    </xf>
    <xf numFmtId="173" fontId="9" fillId="0" borderId="0" xfId="534" applyNumberFormat="1" applyFont="1" applyAlignment="1">
      <alignment vertical="center"/>
    </xf>
    <xf numFmtId="9" fontId="0" fillId="0" borderId="0" xfId="1654" applyFont="1" applyAlignment="1">
      <alignment vertical="center"/>
    </xf>
    <xf numFmtId="165" fontId="0" fillId="0" borderId="0" xfId="0" applyNumberFormat="1" applyAlignment="1">
      <alignment vertical="center"/>
    </xf>
    <xf numFmtId="0" fontId="0" fillId="5" borderId="0" xfId="0" applyFill="1" applyAlignment="1">
      <alignment vertical="center"/>
    </xf>
    <xf numFmtId="0" fontId="28" fillId="5" borderId="0" xfId="0" applyFont="1" applyFill="1" applyAlignment="1">
      <alignment vertical="center"/>
    </xf>
    <xf numFmtId="165" fontId="28" fillId="5" borderId="0" xfId="0" applyNumberFormat="1" applyFont="1" applyFill="1" applyAlignment="1">
      <alignment vertical="center"/>
    </xf>
    <xf numFmtId="3" fontId="28" fillId="5" borderId="0" xfId="0" applyNumberFormat="1" applyFont="1" applyFill="1" applyAlignment="1">
      <alignment vertical="center"/>
    </xf>
    <xf numFmtId="174" fontId="17" fillId="2" borderId="2" xfId="5" quotePrefix="1" applyNumberFormat="1" applyFont="1" applyFill="1" applyBorder="1" applyAlignment="1">
      <alignment vertical="top" wrapText="1"/>
    </xf>
    <xf numFmtId="174" fontId="0" fillId="0" borderId="0" xfId="0" applyNumberFormat="1"/>
    <xf numFmtId="9" fontId="11" fillId="5" borderId="5" xfId="1220" applyNumberFormat="1" applyFont="1" applyFill="1" applyBorder="1" applyAlignment="1">
      <alignment horizontal="center" vertical="center"/>
    </xf>
    <xf numFmtId="173" fontId="29" fillId="6" borderId="6" xfId="1220" applyNumberFormat="1" applyFont="1" applyFill="1" applyBorder="1" applyAlignment="1">
      <alignment horizontal="center" vertical="center" wrapText="1"/>
    </xf>
    <xf numFmtId="173" fontId="29" fillId="6" borderId="7" xfId="1220" applyNumberFormat="1" applyFont="1" applyFill="1" applyBorder="1" applyAlignment="1">
      <alignment horizontal="center" vertical="center" wrapText="1"/>
    </xf>
    <xf numFmtId="173" fontId="29" fillId="6" borderId="8" xfId="1220" applyNumberFormat="1" applyFont="1" applyFill="1" applyBorder="1" applyAlignment="1">
      <alignment horizontal="center" vertical="center" wrapText="1"/>
    </xf>
    <xf numFmtId="0" fontId="19" fillId="7" borderId="0" xfId="1419" applyFont="1" applyFill="1" applyAlignment="1">
      <alignment vertical="center"/>
    </xf>
    <xf numFmtId="0" fontId="19" fillId="7" borderId="0" xfId="1419" applyFont="1" applyFill="1"/>
    <xf numFmtId="174" fontId="17" fillId="2" borderId="9" xfId="5" quotePrefix="1" applyNumberFormat="1" applyFont="1" applyFill="1" applyBorder="1" applyAlignment="1">
      <alignment vertical="top" wrapText="1"/>
    </xf>
    <xf numFmtId="175" fontId="9" fillId="0" borderId="0" xfId="1654" applyNumberFormat="1" applyFont="1"/>
    <xf numFmtId="175" fontId="28" fillId="5" borderId="0" xfId="1654" applyNumberFormat="1" applyFont="1" applyFill="1" applyAlignment="1">
      <alignment vertical="center"/>
    </xf>
    <xf numFmtId="174" fontId="17" fillId="0" borderId="2" xfId="5" quotePrefix="1" applyNumberFormat="1" applyFont="1" applyFill="1" applyBorder="1" applyAlignment="1">
      <alignment vertical="top" wrapText="1"/>
    </xf>
    <xf numFmtId="0" fontId="15" fillId="5" borderId="0" xfId="0" applyFont="1" applyFill="1" applyAlignment="1">
      <alignment vertical="center"/>
    </xf>
    <xf numFmtId="174" fontId="20" fillId="5" borderId="10" xfId="5" applyNumberFormat="1" applyFont="1" applyFill="1" applyBorder="1"/>
    <xf numFmtId="173" fontId="20" fillId="5" borderId="10" xfId="534" applyNumberFormat="1" applyFont="1" applyFill="1" applyBorder="1" applyAlignment="1">
      <alignment horizontal="right"/>
    </xf>
    <xf numFmtId="173" fontId="7" fillId="5" borderId="0" xfId="534" applyNumberFormat="1" applyFont="1" applyFill="1"/>
    <xf numFmtId="9" fontId="7" fillId="5" borderId="0" xfId="1654" applyFont="1" applyFill="1"/>
    <xf numFmtId="173" fontId="8" fillId="5" borderId="0" xfId="534" applyNumberFormat="1" applyFont="1" applyFill="1" applyBorder="1" applyAlignment="1">
      <alignment vertical="center"/>
    </xf>
    <xf numFmtId="174" fontId="0" fillId="0" borderId="0" xfId="5" applyNumberFormat="1" applyFont="1" applyFill="1"/>
    <xf numFmtId="174" fontId="2" fillId="0" borderId="0" xfId="5" applyNumberFormat="1" applyFont="1" applyFill="1"/>
    <xf numFmtId="9" fontId="8" fillId="0" borderId="0" xfId="1654" applyFont="1" applyBorder="1"/>
    <xf numFmtId="173" fontId="29" fillId="6" borderId="11" xfId="1220" applyNumberFormat="1" applyFont="1" applyFill="1" applyBorder="1" applyAlignment="1">
      <alignment horizontal="center" vertical="center" wrapText="1"/>
    </xf>
    <xf numFmtId="0" fontId="17" fillId="2" borderId="12" xfId="1419" quotePrefix="1" applyFont="1" applyFill="1" applyBorder="1" applyAlignment="1">
      <alignment horizontal="center" vertical="center" wrapText="1"/>
    </xf>
    <xf numFmtId="0" fontId="30" fillId="8" borderId="3" xfId="0" applyFont="1" applyFill="1" applyBorder="1"/>
    <xf numFmtId="174" fontId="16" fillId="5" borderId="3" xfId="5" applyNumberFormat="1" applyFont="1" applyFill="1" applyBorder="1" applyAlignment="1">
      <alignment horizontal="center" vertical="center"/>
    </xf>
    <xf numFmtId="174" fontId="16" fillId="5" borderId="3" xfId="5" applyNumberFormat="1" applyFont="1" applyFill="1" applyBorder="1" applyAlignment="1">
      <alignment vertical="center"/>
    </xf>
    <xf numFmtId="9" fontId="17" fillId="0" borderId="13" xfId="1654" quotePrefix="1" applyFont="1" applyFill="1" applyBorder="1" applyAlignment="1">
      <alignment vertical="top" wrapText="1"/>
    </xf>
    <xf numFmtId="9" fontId="9" fillId="0" borderId="3" xfId="1654" applyFont="1" applyBorder="1" applyAlignment="1">
      <alignment vertical="center"/>
    </xf>
    <xf numFmtId="0" fontId="11" fillId="2" borderId="3" xfId="1419" quotePrefix="1" applyFont="1" applyFill="1" applyBorder="1" applyAlignment="1">
      <alignment horizontal="center" vertical="center" wrapText="1"/>
    </xf>
    <xf numFmtId="174" fontId="17" fillId="0" borderId="3" xfId="5" quotePrefix="1" applyNumberFormat="1" applyFont="1" applyFill="1" applyBorder="1" applyAlignment="1">
      <alignment vertical="center" wrapText="1"/>
    </xf>
    <xf numFmtId="0" fontId="30" fillId="5" borderId="3" xfId="0" applyFont="1" applyFill="1" applyBorder="1" applyAlignment="1">
      <alignment horizontal="left" indent="2"/>
    </xf>
    <xf numFmtId="0" fontId="17" fillId="5" borderId="3" xfId="1419" quotePrefix="1" applyFont="1" applyFill="1" applyBorder="1" applyAlignment="1">
      <alignment horizontal="center" vertical="center" wrapText="1"/>
    </xf>
    <xf numFmtId="0" fontId="31" fillId="8" borderId="0" xfId="0" applyFont="1" applyFill="1" applyAlignment="1">
      <alignment horizontal="left"/>
    </xf>
    <xf numFmtId="173" fontId="32" fillId="6" borderId="6" xfId="1220" applyNumberFormat="1" applyFont="1" applyFill="1" applyBorder="1" applyAlignment="1">
      <alignment horizontal="center" vertical="center" wrapText="1"/>
    </xf>
    <xf numFmtId="173" fontId="32" fillId="6" borderId="7" xfId="1220" applyNumberFormat="1" applyFont="1" applyFill="1" applyBorder="1" applyAlignment="1">
      <alignment horizontal="center" vertical="center" wrapText="1"/>
    </xf>
    <xf numFmtId="0" fontId="31" fillId="0" borderId="3" xfId="0" applyFont="1" applyBorder="1" applyAlignment="1">
      <alignment horizontal="center" wrapText="1"/>
    </xf>
    <xf numFmtId="0" fontId="12" fillId="7" borderId="0" xfId="1419" applyFont="1" applyFill="1"/>
    <xf numFmtId="0" fontId="13" fillId="0" borderId="0" xfId="0" applyFont="1"/>
    <xf numFmtId="173" fontId="20" fillId="0" borderId="0" xfId="534" applyNumberFormat="1" applyFont="1"/>
    <xf numFmtId="173" fontId="20" fillId="0" borderId="0" xfId="534" applyNumberFormat="1" applyFont="1" applyBorder="1"/>
    <xf numFmtId="0" fontId="12" fillId="0" borderId="0" xfId="0" applyFont="1"/>
    <xf numFmtId="0" fontId="12" fillId="0" borderId="0" xfId="0" applyFont="1" applyAlignment="1">
      <alignment horizontal="center"/>
    </xf>
    <xf numFmtId="173" fontId="11" fillId="0" borderId="0" xfId="534" applyNumberFormat="1" applyFont="1" applyBorder="1"/>
    <xf numFmtId="0" fontId="13" fillId="0" borderId="0" xfId="0" applyFont="1" applyAlignment="1">
      <alignment vertical="center"/>
    </xf>
    <xf numFmtId="0" fontId="13" fillId="5" borderId="0" xfId="0" applyFont="1" applyFill="1" applyAlignment="1">
      <alignment vertical="center"/>
    </xf>
    <xf numFmtId="173" fontId="20" fillId="0" borderId="0" xfId="534" applyNumberFormat="1" applyFont="1" applyAlignment="1">
      <alignment horizontal="center"/>
    </xf>
    <xf numFmtId="165" fontId="11" fillId="5" borderId="3" xfId="1220" applyNumberFormat="1" applyFont="1" applyFill="1" applyBorder="1" applyAlignment="1">
      <alignment horizontal="center" vertical="center"/>
    </xf>
    <xf numFmtId="165" fontId="11" fillId="0" borderId="5" xfId="1220" applyNumberFormat="1" applyFont="1" applyFill="1" applyBorder="1" applyAlignment="1">
      <alignment vertical="center"/>
    </xf>
    <xf numFmtId="9" fontId="16" fillId="5" borderId="3" xfId="5" applyNumberFormat="1" applyFont="1" applyFill="1" applyBorder="1" applyAlignment="1">
      <alignment horizontal="center" vertical="center"/>
    </xf>
    <xf numFmtId="9" fontId="16" fillId="5" borderId="3" xfId="1654" applyFont="1" applyFill="1" applyBorder="1" applyAlignment="1">
      <alignment horizontal="center" vertical="center"/>
    </xf>
    <xf numFmtId="165" fontId="20" fillId="5" borderId="0" xfId="1220" applyNumberFormat="1" applyFont="1" applyFill="1" applyBorder="1" applyAlignment="1">
      <alignment horizontal="right" vertical="center"/>
    </xf>
    <xf numFmtId="174" fontId="12" fillId="7" borderId="0" xfId="5" applyNumberFormat="1" applyFont="1" applyFill="1" applyBorder="1" applyAlignment="1">
      <alignment horizontal="right"/>
    </xf>
    <xf numFmtId="174" fontId="7" fillId="0" borderId="9" xfId="5" applyNumberFormat="1" applyFont="1" applyBorder="1"/>
    <xf numFmtId="9" fontId="7" fillId="0" borderId="9" xfId="1654" applyFont="1" applyBorder="1"/>
    <xf numFmtId="9" fontId="0" fillId="0" borderId="14" xfId="0" applyNumberFormat="1" applyBorder="1" applyAlignment="1">
      <alignment vertical="center"/>
    </xf>
    <xf numFmtId="9" fontId="0" fillId="0" borderId="15" xfId="0" applyNumberFormat="1" applyBorder="1" applyAlignment="1">
      <alignment vertical="center"/>
    </xf>
    <xf numFmtId="173" fontId="29" fillId="6" borderId="16" xfId="1220" applyNumberFormat="1" applyFont="1" applyFill="1" applyBorder="1" applyAlignment="1">
      <alignment horizontal="center" vertical="center" wrapText="1"/>
    </xf>
    <xf numFmtId="173" fontId="29" fillId="6" borderId="17" xfId="1220" applyNumberFormat="1" applyFont="1" applyFill="1" applyBorder="1" applyAlignment="1">
      <alignment horizontal="center" vertical="center" wrapText="1"/>
    </xf>
    <xf numFmtId="9" fontId="0" fillId="0" borderId="18" xfId="0" applyNumberFormat="1" applyBorder="1" applyAlignment="1">
      <alignment vertical="center"/>
    </xf>
    <xf numFmtId="9" fontId="0" fillId="0" borderId="19" xfId="0" applyNumberFormat="1" applyBorder="1" applyAlignment="1">
      <alignment vertical="center"/>
    </xf>
    <xf numFmtId="0" fontId="12" fillId="7" borderId="0" xfId="0" applyFont="1" applyFill="1"/>
    <xf numFmtId="173" fontId="12" fillId="7" borderId="0" xfId="522" applyNumberFormat="1" applyFont="1" applyFill="1" applyBorder="1" applyAlignment="1">
      <alignment horizontal="center" vertical="center"/>
    </xf>
    <xf numFmtId="173" fontId="0" fillId="0" borderId="0" xfId="0" applyNumberFormat="1"/>
    <xf numFmtId="0" fontId="13" fillId="5" borderId="0" xfId="0" applyFont="1" applyFill="1" applyAlignment="1">
      <alignment horizontal="left" indent="3"/>
    </xf>
    <xf numFmtId="173" fontId="33" fillId="6" borderId="0" xfId="522" applyNumberFormat="1" applyFont="1" applyFill="1" applyBorder="1" applyAlignment="1">
      <alignment horizontal="center" vertical="center" wrapText="1"/>
    </xf>
    <xf numFmtId="0" fontId="34" fillId="5" borderId="9" xfId="0" applyFont="1" applyFill="1" applyBorder="1" applyAlignment="1">
      <alignment horizontal="center"/>
    </xf>
    <xf numFmtId="173" fontId="32" fillId="6" borderId="2" xfId="522" applyNumberFormat="1" applyFont="1" applyFill="1" applyBorder="1" applyAlignment="1">
      <alignment horizontal="center" vertical="center"/>
    </xf>
    <xf numFmtId="0" fontId="35" fillId="8" borderId="0" xfId="1292" applyFont="1" applyFill="1" applyAlignment="1">
      <alignment vertical="center"/>
    </xf>
    <xf numFmtId="174" fontId="9" fillId="5" borderId="0" xfId="5" applyNumberFormat="1" applyFont="1" applyFill="1" applyBorder="1" applyAlignment="1">
      <alignment vertical="center"/>
    </xf>
    <xf numFmtId="9" fontId="9" fillId="2" borderId="0" xfId="1688" applyFont="1" applyFill="1" applyBorder="1" applyAlignment="1">
      <alignment horizontal="center" vertical="center"/>
    </xf>
    <xf numFmtId="9" fontId="17" fillId="2" borderId="5" xfId="1654" quotePrefix="1" applyFont="1" applyFill="1" applyBorder="1" applyAlignment="1">
      <alignment horizontal="center" vertical="top" wrapText="1"/>
    </xf>
    <xf numFmtId="9" fontId="20" fillId="5" borderId="0" xfId="1220" applyNumberFormat="1" applyFont="1" applyFill="1" applyBorder="1" applyAlignment="1">
      <alignment horizontal="center" vertical="center"/>
    </xf>
    <xf numFmtId="165" fontId="20" fillId="5" borderId="0" xfId="1220" applyNumberFormat="1" applyFont="1" applyFill="1" applyBorder="1" applyAlignment="1">
      <alignment vertical="center"/>
    </xf>
    <xf numFmtId="174" fontId="9" fillId="5" borderId="0" xfId="5" applyNumberFormat="1" applyFont="1" applyFill="1" applyBorder="1" applyAlignment="1">
      <alignment horizontal="center" vertical="center"/>
    </xf>
    <xf numFmtId="173" fontId="13" fillId="5" borderId="0" xfId="522" applyNumberFormat="1" applyFont="1" applyFill="1" applyBorder="1" applyAlignment="1">
      <alignment horizontal="center" vertical="center"/>
    </xf>
    <xf numFmtId="0" fontId="36" fillId="9" borderId="3" xfId="0" applyFont="1" applyFill="1" applyBorder="1" applyAlignment="1">
      <alignment horizontal="center" vertical="center" wrapText="1"/>
    </xf>
    <xf numFmtId="0" fontId="36" fillId="9" borderId="3" xfId="0" applyFont="1" applyFill="1" applyBorder="1" applyAlignment="1">
      <alignment horizontal="center" wrapText="1"/>
    </xf>
    <xf numFmtId="3" fontId="36" fillId="9" borderId="3" xfId="0" applyNumberFormat="1" applyFont="1" applyFill="1" applyBorder="1" applyAlignment="1">
      <alignment horizontal="right" vertical="top" wrapText="1"/>
    </xf>
    <xf numFmtId="179" fontId="36" fillId="9" borderId="3" xfId="5" applyNumberFormat="1" applyFont="1" applyFill="1" applyBorder="1" applyAlignment="1">
      <alignment horizontal="right" vertical="top" wrapText="1"/>
    </xf>
    <xf numFmtId="0" fontId="31" fillId="0" borderId="3" xfId="0" applyFont="1" applyBorder="1" applyAlignment="1">
      <alignment wrapText="1"/>
    </xf>
    <xf numFmtId="174" fontId="31" fillId="0" borderId="3" xfId="5" applyNumberFormat="1" applyFont="1" applyFill="1" applyBorder="1" applyAlignment="1">
      <alignment horizontal="right" vertical="top" wrapText="1"/>
    </xf>
    <xf numFmtId="179" fontId="31" fillId="0" borderId="3" xfId="5" applyNumberFormat="1" applyFont="1" applyFill="1" applyBorder="1" applyAlignment="1">
      <alignment horizontal="right" vertical="top" wrapText="1"/>
    </xf>
    <xf numFmtId="9" fontId="12" fillId="7" borderId="0" xfId="1419" applyNumberFormat="1" applyFont="1" applyFill="1" applyAlignment="1">
      <alignment horizontal="center" vertical="center"/>
    </xf>
    <xf numFmtId="173" fontId="37" fillId="7" borderId="2" xfId="522" applyNumberFormat="1" applyFont="1" applyFill="1" applyBorder="1" applyAlignment="1">
      <alignment horizontal="center" vertical="center"/>
    </xf>
    <xf numFmtId="173" fontId="13" fillId="5" borderId="17" xfId="522" applyNumberFormat="1" applyFont="1" applyFill="1" applyBorder="1" applyAlignment="1">
      <alignment horizontal="center" vertical="center"/>
    </xf>
    <xf numFmtId="173" fontId="13" fillId="5" borderId="18" xfId="522" applyNumberFormat="1" applyFont="1" applyFill="1" applyBorder="1" applyAlignment="1">
      <alignment horizontal="center" vertical="center"/>
    </xf>
    <xf numFmtId="173" fontId="2" fillId="0" borderId="0" xfId="0" applyNumberFormat="1" applyFont="1"/>
    <xf numFmtId="173" fontId="33" fillId="6" borderId="2" xfId="522" applyNumberFormat="1" applyFont="1" applyFill="1" applyBorder="1" applyAlignment="1">
      <alignment horizontal="center" vertical="center"/>
    </xf>
    <xf numFmtId="0" fontId="2" fillId="0" borderId="0" xfId="1280" applyFont="1" applyAlignment="1">
      <alignment vertical="center"/>
    </xf>
    <xf numFmtId="9" fontId="13" fillId="5" borderId="18" xfId="1732" applyFont="1" applyFill="1" applyBorder="1" applyAlignment="1">
      <alignment horizontal="center" vertical="center"/>
    </xf>
    <xf numFmtId="9" fontId="13" fillId="5" borderId="19" xfId="1732" applyFont="1" applyFill="1" applyBorder="1" applyAlignment="1">
      <alignment horizontal="center" vertical="center"/>
    </xf>
    <xf numFmtId="9" fontId="13" fillId="5" borderId="17" xfId="1732" applyFont="1" applyFill="1" applyBorder="1" applyAlignment="1">
      <alignment horizontal="center" vertical="center"/>
    </xf>
    <xf numFmtId="9" fontId="33" fillId="6" borderId="5" xfId="1732" applyFont="1" applyFill="1" applyBorder="1" applyAlignment="1">
      <alignment horizontal="center" vertical="center"/>
    </xf>
    <xf numFmtId="0" fontId="33" fillId="6" borderId="0" xfId="0" applyFont="1" applyFill="1" applyAlignment="1">
      <alignment horizontal="center" vertical="center"/>
    </xf>
    <xf numFmtId="9" fontId="12" fillId="7" borderId="0" xfId="1732" applyFont="1" applyFill="1" applyBorder="1" applyAlignment="1">
      <alignment horizontal="center" vertical="center"/>
    </xf>
    <xf numFmtId="9" fontId="13" fillId="5" borderId="0" xfId="1732" applyFont="1" applyFill="1" applyBorder="1" applyAlignment="1">
      <alignment horizontal="center" vertical="center"/>
    </xf>
    <xf numFmtId="9" fontId="32" fillId="6" borderId="5" xfId="1732" applyFont="1" applyFill="1" applyBorder="1" applyAlignment="1">
      <alignment horizontal="center" vertical="center"/>
    </xf>
    <xf numFmtId="0" fontId="31" fillId="10" borderId="3" xfId="0" applyFont="1" applyFill="1" applyBorder="1" applyAlignment="1">
      <alignment wrapText="1"/>
    </xf>
    <xf numFmtId="0" fontId="13" fillId="10" borderId="0" xfId="0" applyFont="1" applyFill="1" applyAlignment="1">
      <alignment vertical="center"/>
    </xf>
    <xf numFmtId="173" fontId="32" fillId="6" borderId="8" xfId="1220" applyNumberFormat="1" applyFont="1" applyFill="1" applyBorder="1" applyAlignment="1">
      <alignment horizontal="center" vertical="center" wrapText="1"/>
    </xf>
    <xf numFmtId="0" fontId="2" fillId="0" borderId="0" xfId="1292"/>
    <xf numFmtId="0" fontId="38" fillId="0" borderId="1" xfId="0" applyFont="1" applyBorder="1"/>
    <xf numFmtId="0" fontId="2" fillId="0" borderId="1" xfId="1292" applyBorder="1"/>
    <xf numFmtId="0" fontId="2" fillId="0" borderId="0" xfId="0" applyFont="1" applyAlignment="1">
      <alignment vertical="center"/>
    </xf>
    <xf numFmtId="9" fontId="13" fillId="5" borderId="17" xfId="1654" applyFont="1" applyFill="1" applyBorder="1" applyAlignment="1">
      <alignment horizontal="center" vertical="center"/>
    </xf>
    <xf numFmtId="173" fontId="13" fillId="5" borderId="20" xfId="522" applyNumberFormat="1" applyFont="1" applyFill="1" applyBorder="1" applyAlignment="1">
      <alignment horizontal="center" vertical="center"/>
    </xf>
    <xf numFmtId="9" fontId="9" fillId="5" borderId="0" xfId="1654" applyFont="1" applyFill="1" applyBorder="1" applyAlignment="1">
      <alignment horizontal="center" vertical="center"/>
    </xf>
    <xf numFmtId="0" fontId="35" fillId="5" borderId="0" xfId="0" applyFont="1" applyFill="1" applyAlignment="1">
      <alignment horizontal="left" indent="2"/>
    </xf>
    <xf numFmtId="0" fontId="8" fillId="5" borderId="3" xfId="1419" quotePrefix="1" applyFont="1" applyFill="1" applyBorder="1" applyAlignment="1">
      <alignment horizontal="center" vertical="center" wrapText="1"/>
    </xf>
    <xf numFmtId="174" fontId="14" fillId="5" borderId="9" xfId="5" quotePrefix="1" applyNumberFormat="1" applyFont="1" applyFill="1" applyBorder="1" applyAlignment="1">
      <alignment vertical="center" wrapText="1"/>
    </xf>
    <xf numFmtId="9" fontId="8" fillId="5" borderId="5" xfId="1654" quotePrefix="1" applyFont="1" applyFill="1" applyBorder="1" applyAlignment="1">
      <alignment horizontal="center" vertical="center" wrapText="1"/>
    </xf>
    <xf numFmtId="0" fontId="35" fillId="8" borderId="0" xfId="0" applyFont="1" applyFill="1"/>
    <xf numFmtId="174" fontId="8" fillId="2" borderId="9" xfId="5" quotePrefix="1" applyNumberFormat="1" applyFont="1" applyFill="1" applyBorder="1" applyAlignment="1">
      <alignment vertical="center" wrapText="1"/>
    </xf>
    <xf numFmtId="9" fontId="37" fillId="7" borderId="5" xfId="1732" applyFont="1" applyFill="1" applyBorder="1" applyAlignment="1">
      <alignment horizontal="center" vertical="center"/>
    </xf>
    <xf numFmtId="173" fontId="13" fillId="5" borderId="14" xfId="522" applyNumberFormat="1" applyFont="1" applyFill="1" applyBorder="1" applyAlignment="1">
      <alignment horizontal="center" vertical="center"/>
    </xf>
    <xf numFmtId="173" fontId="13" fillId="5" borderId="19" xfId="522" applyNumberFormat="1" applyFont="1" applyFill="1" applyBorder="1" applyAlignment="1">
      <alignment horizontal="center" vertical="center"/>
    </xf>
    <xf numFmtId="173" fontId="11" fillId="0" borderId="9" xfId="1220" applyNumberFormat="1" applyFont="1" applyFill="1" applyBorder="1" applyAlignment="1">
      <alignment horizontal="left" vertical="center"/>
    </xf>
    <xf numFmtId="0" fontId="31" fillId="0" borderId="21" xfId="0" applyFont="1" applyBorder="1" applyAlignment="1">
      <alignment horizontal="center" wrapText="1"/>
    </xf>
    <xf numFmtId="0" fontId="31" fillId="0" borderId="5" xfId="0" applyFont="1" applyBorder="1" applyAlignment="1">
      <alignment horizontal="center" wrapText="1"/>
    </xf>
    <xf numFmtId="173" fontId="32" fillId="6" borderId="22" xfId="1220" applyNumberFormat="1" applyFont="1" applyFill="1" applyBorder="1" applyAlignment="1">
      <alignment horizontal="center" vertical="center" wrapText="1"/>
    </xf>
    <xf numFmtId="0" fontId="12" fillId="7" borderId="0" xfId="1419" applyFont="1" applyFill="1" applyAlignment="1">
      <alignment horizontal="center" vertical="center"/>
    </xf>
    <xf numFmtId="9" fontId="12" fillId="9" borderId="3" xfId="1654" applyFont="1" applyFill="1" applyBorder="1" applyAlignment="1">
      <alignment horizontal="center" vertical="top"/>
    </xf>
    <xf numFmtId="165" fontId="13" fillId="0" borderId="0" xfId="0" applyNumberFormat="1" applyFont="1" applyAlignment="1">
      <alignment vertical="center"/>
    </xf>
    <xf numFmtId="0" fontId="13" fillId="0" borderId="4" xfId="0" applyFont="1" applyBorder="1" applyAlignment="1">
      <alignment horizontal="left" vertical="center" wrapText="1"/>
    </xf>
    <xf numFmtId="0" fontId="13" fillId="0" borderId="23" xfId="0" applyFont="1" applyBorder="1" applyAlignment="1">
      <alignment horizontal="left" vertical="center"/>
    </xf>
    <xf numFmtId="174" fontId="13" fillId="0" borderId="0" xfId="0" applyNumberFormat="1" applyFont="1" applyAlignment="1">
      <alignment vertical="center"/>
    </xf>
    <xf numFmtId="9" fontId="2" fillId="0" borderId="0" xfId="1654"/>
    <xf numFmtId="9" fontId="2" fillId="0" borderId="0" xfId="1654" applyFont="1" applyFill="1" applyAlignment="1">
      <alignment vertical="center"/>
    </xf>
    <xf numFmtId="9" fontId="2" fillId="0" borderId="0" xfId="1654" applyFont="1" applyAlignment="1">
      <alignment vertical="center"/>
    </xf>
    <xf numFmtId="9" fontId="2" fillId="0" borderId="0" xfId="1654" applyFont="1"/>
    <xf numFmtId="9" fontId="2" fillId="5" borderId="0" xfId="1654" applyFont="1" applyFill="1" applyAlignment="1">
      <alignment vertical="center"/>
    </xf>
    <xf numFmtId="174" fontId="13" fillId="10" borderId="0" xfId="0" applyNumberFormat="1" applyFont="1" applyFill="1" applyAlignment="1">
      <alignment vertical="center"/>
    </xf>
    <xf numFmtId="0" fontId="20" fillId="0" borderId="4" xfId="534" applyFont="1" applyBorder="1" applyAlignment="1">
      <alignment vertical="center" wrapText="1"/>
    </xf>
    <xf numFmtId="173" fontId="20" fillId="0" borderId="4" xfId="534" applyNumberFormat="1" applyFont="1" applyBorder="1" applyAlignment="1">
      <alignment vertical="center" wrapText="1"/>
    </xf>
    <xf numFmtId="174" fontId="2" fillId="0" borderId="0" xfId="5" applyNumberFormat="1" applyFont="1"/>
    <xf numFmtId="9" fontId="2" fillId="0" borderId="0" xfId="5" applyNumberFormat="1" applyFont="1"/>
    <xf numFmtId="0" fontId="13" fillId="0" borderId="16" xfId="0" applyFont="1" applyBorder="1" applyAlignment="1">
      <alignment horizontal="left" vertical="center" wrapText="1"/>
    </xf>
    <xf numFmtId="0" fontId="14" fillId="0" borderId="0" xfId="0" applyFont="1" applyAlignment="1">
      <alignment horizontal="center" vertical="center"/>
    </xf>
    <xf numFmtId="10" fontId="0" fillId="0" borderId="0" xfId="1654" applyNumberFormat="1" applyFont="1"/>
    <xf numFmtId="10" fontId="0" fillId="0" borderId="0" xfId="0" applyNumberFormat="1"/>
    <xf numFmtId="0" fontId="15" fillId="0" borderId="0" xfId="0" applyFont="1"/>
    <xf numFmtId="174" fontId="42" fillId="0" borderId="3" xfId="5" applyNumberFormat="1" applyFont="1" applyBorder="1" applyAlignment="1">
      <alignment horizontal="center" vertical="center"/>
    </xf>
    <xf numFmtId="0" fontId="21" fillId="0" borderId="0" xfId="0" applyFont="1"/>
    <xf numFmtId="174" fontId="42" fillId="0" borderId="2" xfId="5" applyNumberFormat="1" applyFont="1" applyBorder="1" applyAlignment="1">
      <alignment horizontal="center" vertical="center"/>
    </xf>
    <xf numFmtId="0" fontId="42" fillId="0" borderId="4" xfId="0" applyFont="1" applyBorder="1"/>
    <xf numFmtId="174" fontId="15" fillId="0" borderId="3" xfId="5" applyNumberFormat="1" applyFont="1" applyBorder="1" applyAlignment="1">
      <alignment vertical="center"/>
    </xf>
    <xf numFmtId="0" fontId="42" fillId="0" borderId="0" xfId="0" applyFont="1"/>
    <xf numFmtId="9" fontId="2" fillId="0" borderId="1" xfId="1654" applyBorder="1"/>
    <xf numFmtId="174" fontId="36" fillId="5" borderId="3" xfId="5" applyNumberFormat="1" applyFont="1" applyFill="1" applyBorder="1" applyAlignment="1">
      <alignment horizontal="right" vertical="top" wrapText="1"/>
    </xf>
    <xf numFmtId="9" fontId="12" fillId="5" borderId="3" xfId="1654" applyFont="1" applyFill="1" applyBorder="1" applyAlignment="1">
      <alignment horizontal="center" vertical="top"/>
    </xf>
    <xf numFmtId="174" fontId="31" fillId="5" borderId="3" xfId="5" applyNumberFormat="1" applyFont="1" applyFill="1" applyBorder="1" applyAlignment="1">
      <alignment horizontal="right" vertical="top" wrapText="1"/>
    </xf>
    <xf numFmtId="0" fontId="41" fillId="8" borderId="0" xfId="0" applyFont="1" applyFill="1" applyAlignment="1">
      <alignment horizontal="left" vertical="top"/>
    </xf>
    <xf numFmtId="173" fontId="33" fillId="6" borderId="3" xfId="522" applyNumberFormat="1" applyFont="1" applyFill="1" applyBorder="1" applyAlignment="1">
      <alignment horizontal="center" vertical="center" wrapText="1"/>
    </xf>
    <xf numFmtId="173" fontId="33" fillId="6" borderId="3" xfId="522" applyNumberFormat="1" applyFont="1" applyFill="1" applyBorder="1" applyAlignment="1">
      <alignment horizontal="center" vertical="center"/>
    </xf>
    <xf numFmtId="171" fontId="33" fillId="6" borderId="3" xfId="522" applyNumberFormat="1" applyFont="1" applyFill="1" applyBorder="1" applyAlignment="1">
      <alignment horizontal="center" vertical="center" wrapText="1"/>
    </xf>
    <xf numFmtId="9" fontId="13" fillId="5" borderId="14" xfId="1732" applyFont="1" applyFill="1" applyBorder="1" applyAlignment="1">
      <alignment horizontal="center" vertical="center"/>
    </xf>
    <xf numFmtId="9" fontId="2" fillId="0" borderId="0" xfId="1654" applyFont="1" applyBorder="1"/>
    <xf numFmtId="3" fontId="4" fillId="0" borderId="0" xfId="0" applyNumberFormat="1" applyFont="1"/>
    <xf numFmtId="0" fontId="14" fillId="0" borderId="4" xfId="0" applyFont="1" applyBorder="1" applyAlignment="1">
      <alignment horizontal="center"/>
    </xf>
    <xf numFmtId="0" fontId="22" fillId="0" borderId="0" xfId="0" applyFont="1" applyAlignment="1">
      <alignment horizontal="center" vertical="center" wrapText="1"/>
    </xf>
    <xf numFmtId="49" fontId="20" fillId="0" borderId="24" xfId="534" applyNumberFormat="1" applyFont="1" applyFill="1" applyBorder="1" applyAlignment="1">
      <alignment horizontal="left" vertical="center" wrapText="1"/>
    </xf>
    <xf numFmtId="49" fontId="20" fillId="0" borderId="1" xfId="534" applyNumberFormat="1" applyFont="1" applyFill="1" applyBorder="1" applyAlignment="1">
      <alignment horizontal="left" vertical="center" wrapText="1"/>
    </xf>
    <xf numFmtId="49" fontId="20" fillId="0" borderId="15" xfId="534" applyNumberFormat="1" applyFont="1" applyFill="1" applyBorder="1" applyAlignment="1">
      <alignment horizontal="left" vertical="center" wrapText="1"/>
    </xf>
    <xf numFmtId="0" fontId="12" fillId="0" borderId="10" xfId="0" applyFont="1" applyBorder="1" applyAlignment="1">
      <alignment horizontal="left"/>
    </xf>
    <xf numFmtId="0" fontId="12" fillId="0" borderId="3" xfId="0" applyFont="1" applyBorder="1" applyAlignment="1">
      <alignment horizontal="left"/>
    </xf>
    <xf numFmtId="0" fontId="13" fillId="5" borderId="20" xfId="0" applyFont="1" applyFill="1" applyBorder="1" applyAlignment="1">
      <alignment horizontal="left" vertical="center" wrapText="1"/>
    </xf>
    <xf numFmtId="0" fontId="13" fillId="5" borderId="0" xfId="0" applyFont="1" applyFill="1" applyAlignment="1">
      <alignment horizontal="left" vertical="center" wrapText="1"/>
    </xf>
    <xf numFmtId="0" fontId="13" fillId="5" borderId="14" xfId="0" applyFont="1" applyFill="1" applyBorder="1" applyAlignment="1">
      <alignment horizontal="left" vertical="center" wrapText="1"/>
    </xf>
    <xf numFmtId="0" fontId="14" fillId="0" borderId="0" xfId="0" applyFont="1" applyAlignment="1">
      <alignment horizontal="center"/>
    </xf>
    <xf numFmtId="0" fontId="39" fillId="0" borderId="8" xfId="0" applyFont="1" applyBorder="1" applyAlignment="1">
      <alignment horizontal="left"/>
    </xf>
    <xf numFmtId="0" fontId="39" fillId="0" borderId="8" xfId="0" applyFont="1" applyBorder="1" applyAlignment="1">
      <alignment horizontal="left" wrapText="1"/>
    </xf>
    <xf numFmtId="0" fontId="40" fillId="0" borderId="10" xfId="0" applyFont="1" applyBorder="1" applyAlignment="1">
      <alignment horizontal="center"/>
    </xf>
    <xf numFmtId="0" fontId="14" fillId="0" borderId="0" xfId="0" applyFont="1" applyAlignment="1">
      <alignment horizontal="left" vertical="center"/>
    </xf>
    <xf numFmtId="174" fontId="42" fillId="0" borderId="17" xfId="0" applyNumberFormat="1" applyFont="1" applyBorder="1" applyAlignment="1">
      <alignment horizontal="center" vertical="center"/>
    </xf>
    <xf numFmtId="174" fontId="42" fillId="0" borderId="19" xfId="0" applyNumberFormat="1" applyFont="1" applyBorder="1" applyAlignment="1">
      <alignment horizontal="center" vertical="center"/>
    </xf>
    <xf numFmtId="174" fontId="42" fillId="0" borderId="17" xfId="5" applyNumberFormat="1" applyFont="1" applyFill="1" applyBorder="1" applyAlignment="1">
      <alignment horizontal="center" vertical="center"/>
    </xf>
    <xf numFmtId="174" fontId="42" fillId="0" borderId="19" xfId="5" applyNumberFormat="1" applyFont="1" applyFill="1" applyBorder="1" applyAlignment="1">
      <alignment horizontal="center" vertical="center"/>
    </xf>
    <xf numFmtId="0" fontId="21" fillId="0" borderId="1" xfId="0" applyFont="1" applyBorder="1" applyAlignment="1">
      <alignment horizontal="left"/>
    </xf>
    <xf numFmtId="174" fontId="42" fillId="0" borderId="17" xfId="5" applyNumberFormat="1" applyFont="1" applyBorder="1" applyAlignment="1">
      <alignment horizontal="center" vertical="center"/>
    </xf>
    <xf numFmtId="174" fontId="42" fillId="0" borderId="19" xfId="5" applyNumberFormat="1" applyFont="1" applyBorder="1" applyAlignment="1">
      <alignment horizontal="center" vertical="center"/>
    </xf>
    <xf numFmtId="0" fontId="14" fillId="0" borderId="0" xfId="0" applyFont="1" applyAlignment="1">
      <alignment horizontal="center" vertical="center"/>
    </xf>
    <xf numFmtId="174" fontId="42" fillId="0" borderId="17" xfId="5" applyNumberFormat="1" applyFont="1" applyBorder="1" applyAlignment="1">
      <alignment horizontal="center" vertical="center" wrapText="1"/>
    </xf>
    <xf numFmtId="174" fontId="42" fillId="0" borderId="19" xfId="5" applyNumberFormat="1" applyFont="1" applyBorder="1" applyAlignment="1">
      <alignment horizontal="center" vertical="center" wrapText="1"/>
    </xf>
    <xf numFmtId="0" fontId="42" fillId="0" borderId="17" xfId="0" applyFont="1" applyBorder="1" applyAlignment="1">
      <alignment horizontal="center" vertical="center" wrapText="1"/>
    </xf>
    <xf numFmtId="0" fontId="42" fillId="0" borderId="19" xfId="0" applyFont="1" applyBorder="1" applyAlignment="1">
      <alignment horizontal="center" vertical="center" wrapText="1"/>
    </xf>
    <xf numFmtId="0" fontId="41" fillId="8" borderId="4" xfId="0" applyFont="1" applyFill="1" applyBorder="1" applyAlignment="1">
      <alignment horizontal="left" vertical="center"/>
    </xf>
    <xf numFmtId="0" fontId="33" fillId="6" borderId="3" xfId="0" applyFont="1" applyFill="1" applyBorder="1" applyAlignment="1">
      <alignment horizontal="center" vertical="center" wrapText="1"/>
    </xf>
    <xf numFmtId="0" fontId="2" fillId="0" borderId="0" xfId="0" applyFont="1"/>
    <xf numFmtId="0" fontId="37" fillId="7" borderId="9" xfId="0" applyFont="1" applyFill="1" applyBorder="1" applyAlignment="1">
      <alignment horizontal="center" vertical="center"/>
    </xf>
    <xf numFmtId="0" fontId="37" fillId="7" borderId="2" xfId="0" applyFont="1" applyFill="1" applyBorder="1" applyAlignment="1">
      <alignment horizontal="left" vertical="center"/>
    </xf>
    <xf numFmtId="0" fontId="13" fillId="5" borderId="17" xfId="0" applyFont="1" applyFill="1" applyBorder="1" applyAlignment="1">
      <alignment horizontal="center" vertical="center"/>
    </xf>
    <xf numFmtId="0" fontId="13" fillId="5" borderId="17" xfId="0" applyFont="1" applyFill="1" applyBorder="1" applyAlignment="1">
      <alignment horizontal="left" vertical="center"/>
    </xf>
    <xf numFmtId="0" fontId="13" fillId="5" borderId="18" xfId="0" applyFont="1" applyFill="1" applyBorder="1" applyAlignment="1">
      <alignment horizontal="center" vertical="center"/>
    </xf>
    <xf numFmtId="0" fontId="13" fillId="5" borderId="18" xfId="0" applyFont="1" applyFill="1" applyBorder="1" applyAlignment="1">
      <alignment horizontal="left" vertical="center"/>
    </xf>
    <xf numFmtId="0" fontId="13" fillId="5" borderId="1" xfId="0" applyFont="1" applyFill="1" applyBorder="1" applyAlignment="1">
      <alignment horizontal="left" vertical="center"/>
    </xf>
    <xf numFmtId="0" fontId="37" fillId="7" borderId="3" xfId="0" applyFont="1" applyFill="1" applyBorder="1" applyAlignment="1">
      <alignment horizontal="center" vertical="center"/>
    </xf>
    <xf numFmtId="0" fontId="37" fillId="7" borderId="3" xfId="0" applyFont="1" applyFill="1" applyBorder="1" applyAlignment="1">
      <alignment horizontal="left" vertical="center"/>
    </xf>
    <xf numFmtId="0" fontId="13" fillId="5" borderId="20" xfId="0" applyFont="1" applyFill="1" applyBorder="1" applyAlignment="1">
      <alignment horizontal="left" vertical="center"/>
    </xf>
    <xf numFmtId="0" fontId="13" fillId="5" borderId="20" xfId="0" applyFont="1" applyFill="1" applyBorder="1" applyAlignment="1">
      <alignment horizontal="center" vertical="center"/>
    </xf>
    <xf numFmtId="0" fontId="13" fillId="5" borderId="14" xfId="0" applyFont="1" applyFill="1" applyBorder="1" applyAlignment="1">
      <alignment horizontal="center" vertical="center"/>
    </xf>
    <xf numFmtId="0" fontId="13" fillId="5" borderId="14" xfId="0" applyFont="1" applyFill="1" applyBorder="1" applyAlignment="1">
      <alignment horizontal="left" vertical="center"/>
    </xf>
    <xf numFmtId="0" fontId="13" fillId="5" borderId="0" xfId="0" applyFont="1" applyFill="1" applyAlignment="1">
      <alignment horizontal="left" vertical="center"/>
    </xf>
    <xf numFmtId="0" fontId="13" fillId="5" borderId="19" xfId="0" applyFont="1" applyFill="1" applyBorder="1" applyAlignment="1">
      <alignment horizontal="center" vertical="center"/>
    </xf>
    <xf numFmtId="0" fontId="13" fillId="5" borderId="19" xfId="0" applyFont="1" applyFill="1" applyBorder="1" applyAlignment="1">
      <alignment horizontal="left" vertical="center"/>
    </xf>
    <xf numFmtId="0" fontId="13" fillId="5" borderId="18" xfId="0" applyFont="1" applyFill="1" applyBorder="1" applyAlignment="1">
      <alignment horizontal="left" vertical="center" wrapText="1"/>
    </xf>
    <xf numFmtId="0" fontId="37" fillId="5" borderId="9" xfId="0" applyFont="1" applyFill="1" applyBorder="1" applyAlignment="1">
      <alignment horizontal="center" vertical="center"/>
    </xf>
    <xf numFmtId="0" fontId="37" fillId="5" borderId="2" xfId="0" applyFont="1" applyFill="1" applyBorder="1" applyAlignment="1">
      <alignment horizontal="center" vertical="center"/>
    </xf>
    <xf numFmtId="0" fontId="2" fillId="5" borderId="0" xfId="0" applyFont="1" applyFill="1" applyAlignment="1">
      <alignment vertical="center"/>
    </xf>
    <xf numFmtId="9" fontId="2" fillId="0" borderId="0" xfId="0" applyNumberFormat="1" applyFont="1"/>
  </cellXfs>
  <cellStyles count="1806">
    <cellStyle name="40% - Énfasis5 2" xfId="1" xr:uid="{00000000-0005-0000-0000-000000000000}"/>
    <cellStyle name="Énfasis2 2" xfId="2" xr:uid="{00000000-0005-0000-0000-000001000000}"/>
    <cellStyle name="Euro" xfId="3" xr:uid="{00000000-0005-0000-0000-000002000000}"/>
    <cellStyle name="Euro 2" xfId="4" xr:uid="{00000000-0005-0000-0000-000003000000}"/>
    <cellStyle name="Millares" xfId="5" builtinId="3"/>
    <cellStyle name="Millares [0] 2" xfId="6" xr:uid="{00000000-0005-0000-0000-000005000000}"/>
    <cellStyle name="Millares [0] 2 10" xfId="7" xr:uid="{00000000-0005-0000-0000-000006000000}"/>
    <cellStyle name="Millares [0] 2 11" xfId="8" xr:uid="{00000000-0005-0000-0000-000007000000}"/>
    <cellStyle name="Millares [0] 2 12" xfId="9" xr:uid="{00000000-0005-0000-0000-000008000000}"/>
    <cellStyle name="Millares [0] 2 13" xfId="10" xr:uid="{00000000-0005-0000-0000-000009000000}"/>
    <cellStyle name="Millares [0] 2 14" xfId="11" xr:uid="{00000000-0005-0000-0000-00000A000000}"/>
    <cellStyle name="Millares [0] 2 15" xfId="12" xr:uid="{00000000-0005-0000-0000-00000B000000}"/>
    <cellStyle name="Millares [0] 2 16" xfId="13" xr:uid="{00000000-0005-0000-0000-00000C000000}"/>
    <cellStyle name="Millares [0] 2 17" xfId="14" xr:uid="{00000000-0005-0000-0000-00000D000000}"/>
    <cellStyle name="Millares [0] 2 18" xfId="15" xr:uid="{00000000-0005-0000-0000-00000E000000}"/>
    <cellStyle name="Millares [0] 2 19" xfId="16" xr:uid="{00000000-0005-0000-0000-00000F000000}"/>
    <cellStyle name="Millares [0] 2 2" xfId="17" xr:uid="{00000000-0005-0000-0000-000010000000}"/>
    <cellStyle name="Millares [0] 2 20" xfId="18" xr:uid="{00000000-0005-0000-0000-000011000000}"/>
    <cellStyle name="Millares [0] 2 21" xfId="19" xr:uid="{00000000-0005-0000-0000-000012000000}"/>
    <cellStyle name="Millares [0] 2 22" xfId="20" xr:uid="{00000000-0005-0000-0000-000013000000}"/>
    <cellStyle name="Millares [0] 2 23" xfId="21" xr:uid="{00000000-0005-0000-0000-000014000000}"/>
    <cellStyle name="Millares [0] 2 24" xfId="22" xr:uid="{00000000-0005-0000-0000-000015000000}"/>
    <cellStyle name="Millares [0] 2 25" xfId="23" xr:uid="{00000000-0005-0000-0000-000016000000}"/>
    <cellStyle name="Millares [0] 2 26" xfId="24" xr:uid="{00000000-0005-0000-0000-000017000000}"/>
    <cellStyle name="Millares [0] 2 27" xfId="25" xr:uid="{00000000-0005-0000-0000-000018000000}"/>
    <cellStyle name="Millares [0] 2 28" xfId="26" xr:uid="{00000000-0005-0000-0000-000019000000}"/>
    <cellStyle name="Millares [0] 2 29" xfId="27" xr:uid="{00000000-0005-0000-0000-00001A000000}"/>
    <cellStyle name="Millares [0] 2 3" xfId="28" xr:uid="{00000000-0005-0000-0000-00001B000000}"/>
    <cellStyle name="Millares [0] 2 30" xfId="29" xr:uid="{00000000-0005-0000-0000-00001C000000}"/>
    <cellStyle name="Millares [0] 2 31" xfId="30" xr:uid="{00000000-0005-0000-0000-00001D000000}"/>
    <cellStyle name="Millares [0] 2 4" xfId="31" xr:uid="{00000000-0005-0000-0000-00001E000000}"/>
    <cellStyle name="Millares [0] 2 5" xfId="32" xr:uid="{00000000-0005-0000-0000-00001F000000}"/>
    <cellStyle name="Millares [0] 2 6" xfId="33" xr:uid="{00000000-0005-0000-0000-000020000000}"/>
    <cellStyle name="Millares [0] 2 7" xfId="34" xr:uid="{00000000-0005-0000-0000-000021000000}"/>
    <cellStyle name="Millares [0] 2 8" xfId="35" xr:uid="{00000000-0005-0000-0000-000022000000}"/>
    <cellStyle name="Millares [0] 2 9" xfId="36" xr:uid="{00000000-0005-0000-0000-000023000000}"/>
    <cellStyle name="Millares [0] 3" xfId="37" xr:uid="{00000000-0005-0000-0000-000024000000}"/>
    <cellStyle name="Millares [0] 3 2" xfId="38" xr:uid="{00000000-0005-0000-0000-000025000000}"/>
    <cellStyle name="Millares [0] 4" xfId="39" xr:uid="{00000000-0005-0000-0000-000026000000}"/>
    <cellStyle name="Millares [0] 4 2" xfId="40" xr:uid="{00000000-0005-0000-0000-000027000000}"/>
    <cellStyle name="Millares [0] 5" xfId="41" xr:uid="{00000000-0005-0000-0000-000028000000}"/>
    <cellStyle name="Millares [0] 5 2" xfId="42" xr:uid="{00000000-0005-0000-0000-000029000000}"/>
    <cellStyle name="Millares [0] 6" xfId="43" xr:uid="{00000000-0005-0000-0000-00002A000000}"/>
    <cellStyle name="Millares [0] 6 2" xfId="44" xr:uid="{00000000-0005-0000-0000-00002B000000}"/>
    <cellStyle name="Millares [0] 7" xfId="45" xr:uid="{00000000-0005-0000-0000-00002C000000}"/>
    <cellStyle name="Millares 10" xfId="46" xr:uid="{00000000-0005-0000-0000-00002D000000}"/>
    <cellStyle name="Millares 10 2" xfId="47" xr:uid="{00000000-0005-0000-0000-00002E000000}"/>
    <cellStyle name="Millares 10 2 2" xfId="48" xr:uid="{00000000-0005-0000-0000-00002F000000}"/>
    <cellStyle name="Millares 10 2 2 2" xfId="49" xr:uid="{00000000-0005-0000-0000-000030000000}"/>
    <cellStyle name="Millares 10 2 2 3" xfId="50" xr:uid="{00000000-0005-0000-0000-000031000000}"/>
    <cellStyle name="Millares 10 2 3" xfId="51" xr:uid="{00000000-0005-0000-0000-000032000000}"/>
    <cellStyle name="Millares 10 2 3 2" xfId="52" xr:uid="{00000000-0005-0000-0000-000033000000}"/>
    <cellStyle name="Millares 10 2 4" xfId="53" xr:uid="{00000000-0005-0000-0000-000034000000}"/>
    <cellStyle name="Millares 10 2 4 2" xfId="54" xr:uid="{00000000-0005-0000-0000-000035000000}"/>
    <cellStyle name="Millares 10 2 5" xfId="55" xr:uid="{00000000-0005-0000-0000-000036000000}"/>
    <cellStyle name="Millares 10 2 6" xfId="56" xr:uid="{00000000-0005-0000-0000-000037000000}"/>
    <cellStyle name="Millares 10 2 7" xfId="57" xr:uid="{00000000-0005-0000-0000-000038000000}"/>
    <cellStyle name="Millares 10 3" xfId="58" xr:uid="{00000000-0005-0000-0000-000039000000}"/>
    <cellStyle name="Millares 10 3 2" xfId="59" xr:uid="{00000000-0005-0000-0000-00003A000000}"/>
    <cellStyle name="Millares 10 3 2 2" xfId="60" xr:uid="{00000000-0005-0000-0000-00003B000000}"/>
    <cellStyle name="Millares 10 3 2 3" xfId="61" xr:uid="{00000000-0005-0000-0000-00003C000000}"/>
    <cellStyle name="Millares 10 3 3" xfId="62" xr:uid="{00000000-0005-0000-0000-00003D000000}"/>
    <cellStyle name="Millares 10 3 3 2" xfId="63" xr:uid="{00000000-0005-0000-0000-00003E000000}"/>
    <cellStyle name="Millares 10 3 3 3" xfId="64" xr:uid="{00000000-0005-0000-0000-00003F000000}"/>
    <cellStyle name="Millares 10 3 4" xfId="65" xr:uid="{00000000-0005-0000-0000-000040000000}"/>
    <cellStyle name="Millares 10 3 4 2" xfId="66" xr:uid="{00000000-0005-0000-0000-000041000000}"/>
    <cellStyle name="Millares 10 3 4 3" xfId="67" xr:uid="{00000000-0005-0000-0000-000042000000}"/>
    <cellStyle name="Millares 10 3 5" xfId="68" xr:uid="{00000000-0005-0000-0000-000043000000}"/>
    <cellStyle name="Millares 10 3 6" xfId="69" xr:uid="{00000000-0005-0000-0000-000044000000}"/>
    <cellStyle name="Millares 10 4" xfId="70" xr:uid="{00000000-0005-0000-0000-000045000000}"/>
    <cellStyle name="Millares 100" xfId="71" xr:uid="{00000000-0005-0000-0000-000046000000}"/>
    <cellStyle name="Millares 100 2" xfId="72" xr:uid="{00000000-0005-0000-0000-000047000000}"/>
    <cellStyle name="Millares 101" xfId="73" xr:uid="{00000000-0005-0000-0000-000048000000}"/>
    <cellStyle name="Millares 101 2" xfId="74" xr:uid="{00000000-0005-0000-0000-000049000000}"/>
    <cellStyle name="Millares 102" xfId="75" xr:uid="{00000000-0005-0000-0000-00004A000000}"/>
    <cellStyle name="Millares 103" xfId="76" xr:uid="{00000000-0005-0000-0000-00004B000000}"/>
    <cellStyle name="Millares 11" xfId="77" xr:uid="{00000000-0005-0000-0000-00004C000000}"/>
    <cellStyle name="Millares 11 2" xfId="78" xr:uid="{00000000-0005-0000-0000-00004D000000}"/>
    <cellStyle name="Millares 11 2 2" xfId="79" xr:uid="{00000000-0005-0000-0000-00004E000000}"/>
    <cellStyle name="Millares 11 2 2 2" xfId="80" xr:uid="{00000000-0005-0000-0000-00004F000000}"/>
    <cellStyle name="Millares 11 2 2 2 2" xfId="81" xr:uid="{00000000-0005-0000-0000-000050000000}"/>
    <cellStyle name="Millares 11 2 2 2 2 2" xfId="82" xr:uid="{00000000-0005-0000-0000-000051000000}"/>
    <cellStyle name="Millares 11 2 2 2 2 3" xfId="83" xr:uid="{00000000-0005-0000-0000-000052000000}"/>
    <cellStyle name="Millares 11 2 2 2 2 4" xfId="84" xr:uid="{00000000-0005-0000-0000-000053000000}"/>
    <cellStyle name="Millares 11 2 2 2 2 5" xfId="85" xr:uid="{00000000-0005-0000-0000-000054000000}"/>
    <cellStyle name="Millares 11 2 2 2 2 6" xfId="86" xr:uid="{00000000-0005-0000-0000-000055000000}"/>
    <cellStyle name="Millares 11 2 2 2 2 7" xfId="87" xr:uid="{00000000-0005-0000-0000-000056000000}"/>
    <cellStyle name="Millares 11 2 2 2 2 8" xfId="88" xr:uid="{00000000-0005-0000-0000-000057000000}"/>
    <cellStyle name="Millares 11 2 2 2 3" xfId="89" xr:uid="{00000000-0005-0000-0000-000058000000}"/>
    <cellStyle name="Millares 11 2 2 2 4" xfId="90" xr:uid="{00000000-0005-0000-0000-000059000000}"/>
    <cellStyle name="Millares 11 2 2 2 5" xfId="91" xr:uid="{00000000-0005-0000-0000-00005A000000}"/>
    <cellStyle name="Millares 11 2 2 2 6" xfId="92" xr:uid="{00000000-0005-0000-0000-00005B000000}"/>
    <cellStyle name="Millares 11 2 2 2 7" xfId="93" xr:uid="{00000000-0005-0000-0000-00005C000000}"/>
    <cellStyle name="Millares 11 2 2 2 8" xfId="94" xr:uid="{00000000-0005-0000-0000-00005D000000}"/>
    <cellStyle name="Millares 11 2 2 2 9" xfId="95" xr:uid="{00000000-0005-0000-0000-00005E000000}"/>
    <cellStyle name="Millares 11 2 3" xfId="96" xr:uid="{00000000-0005-0000-0000-00005F000000}"/>
    <cellStyle name="Millares 11 2 4" xfId="97" xr:uid="{00000000-0005-0000-0000-000060000000}"/>
    <cellStyle name="Millares 11 3" xfId="98" xr:uid="{00000000-0005-0000-0000-000061000000}"/>
    <cellStyle name="Millares 11 3 2" xfId="99" xr:uid="{00000000-0005-0000-0000-000062000000}"/>
    <cellStyle name="Millares 11 3 3" xfId="100" xr:uid="{00000000-0005-0000-0000-000063000000}"/>
    <cellStyle name="Millares 11 4" xfId="101" xr:uid="{00000000-0005-0000-0000-000064000000}"/>
    <cellStyle name="Millares 11 4 10" xfId="102" xr:uid="{00000000-0005-0000-0000-000065000000}"/>
    <cellStyle name="Millares 11 4 2" xfId="103" xr:uid="{00000000-0005-0000-0000-000066000000}"/>
    <cellStyle name="Millares 11 4 2 2" xfId="104" xr:uid="{00000000-0005-0000-0000-000067000000}"/>
    <cellStyle name="Millares 11 4 2 2 2" xfId="105" xr:uid="{00000000-0005-0000-0000-000068000000}"/>
    <cellStyle name="Millares 11 4 2 2 3" xfId="106" xr:uid="{00000000-0005-0000-0000-000069000000}"/>
    <cellStyle name="Millares 11 4 2 2 4" xfId="107" xr:uid="{00000000-0005-0000-0000-00006A000000}"/>
    <cellStyle name="Millares 11 4 2 2 5" xfId="108" xr:uid="{00000000-0005-0000-0000-00006B000000}"/>
    <cellStyle name="Millares 11 4 2 2 6" xfId="109" xr:uid="{00000000-0005-0000-0000-00006C000000}"/>
    <cellStyle name="Millares 11 4 2 2 7" xfId="110" xr:uid="{00000000-0005-0000-0000-00006D000000}"/>
    <cellStyle name="Millares 11 4 2 2 8" xfId="111" xr:uid="{00000000-0005-0000-0000-00006E000000}"/>
    <cellStyle name="Millares 11 4 2 3" xfId="112" xr:uid="{00000000-0005-0000-0000-00006F000000}"/>
    <cellStyle name="Millares 11 4 2 4" xfId="113" xr:uid="{00000000-0005-0000-0000-000070000000}"/>
    <cellStyle name="Millares 11 4 2 5" xfId="114" xr:uid="{00000000-0005-0000-0000-000071000000}"/>
    <cellStyle name="Millares 11 4 2 6" xfId="115" xr:uid="{00000000-0005-0000-0000-000072000000}"/>
    <cellStyle name="Millares 11 4 2 7" xfId="116" xr:uid="{00000000-0005-0000-0000-000073000000}"/>
    <cellStyle name="Millares 11 4 2 8" xfId="117" xr:uid="{00000000-0005-0000-0000-000074000000}"/>
    <cellStyle name="Millares 11 4 2 9" xfId="118" xr:uid="{00000000-0005-0000-0000-000075000000}"/>
    <cellStyle name="Millares 11 4 3" xfId="119" xr:uid="{00000000-0005-0000-0000-000076000000}"/>
    <cellStyle name="Millares 11 4 3 2" xfId="120" xr:uid="{00000000-0005-0000-0000-000077000000}"/>
    <cellStyle name="Millares 11 4 3 3" xfId="121" xr:uid="{00000000-0005-0000-0000-000078000000}"/>
    <cellStyle name="Millares 11 4 3 4" xfId="122" xr:uid="{00000000-0005-0000-0000-000079000000}"/>
    <cellStyle name="Millares 11 4 3 5" xfId="123" xr:uid="{00000000-0005-0000-0000-00007A000000}"/>
    <cellStyle name="Millares 11 4 3 6" xfId="124" xr:uid="{00000000-0005-0000-0000-00007B000000}"/>
    <cellStyle name="Millares 11 4 3 7" xfId="125" xr:uid="{00000000-0005-0000-0000-00007C000000}"/>
    <cellStyle name="Millares 11 4 3 8" xfId="126" xr:uid="{00000000-0005-0000-0000-00007D000000}"/>
    <cellStyle name="Millares 11 4 4" xfId="127" xr:uid="{00000000-0005-0000-0000-00007E000000}"/>
    <cellStyle name="Millares 11 4 5" xfId="128" xr:uid="{00000000-0005-0000-0000-00007F000000}"/>
    <cellStyle name="Millares 11 4 6" xfId="129" xr:uid="{00000000-0005-0000-0000-000080000000}"/>
    <cellStyle name="Millares 11 4 7" xfId="130" xr:uid="{00000000-0005-0000-0000-000081000000}"/>
    <cellStyle name="Millares 11 4 8" xfId="131" xr:uid="{00000000-0005-0000-0000-000082000000}"/>
    <cellStyle name="Millares 11 4 9" xfId="132" xr:uid="{00000000-0005-0000-0000-000083000000}"/>
    <cellStyle name="Millares 11 5" xfId="133" xr:uid="{00000000-0005-0000-0000-000084000000}"/>
    <cellStyle name="Millares 11 5 2" xfId="134" xr:uid="{00000000-0005-0000-0000-000085000000}"/>
    <cellStyle name="Millares 11 5 2 2" xfId="135" xr:uid="{00000000-0005-0000-0000-000086000000}"/>
    <cellStyle name="Millares 11 5 2 3" xfId="136" xr:uid="{00000000-0005-0000-0000-000087000000}"/>
    <cellStyle name="Millares 11 5 2 4" xfId="137" xr:uid="{00000000-0005-0000-0000-000088000000}"/>
    <cellStyle name="Millares 11 5 2 5" xfId="138" xr:uid="{00000000-0005-0000-0000-000089000000}"/>
    <cellStyle name="Millares 11 5 2 6" xfId="139" xr:uid="{00000000-0005-0000-0000-00008A000000}"/>
    <cellStyle name="Millares 11 5 2 7" xfId="140" xr:uid="{00000000-0005-0000-0000-00008B000000}"/>
    <cellStyle name="Millares 11 5 2 8" xfId="141" xr:uid="{00000000-0005-0000-0000-00008C000000}"/>
    <cellStyle name="Millares 11 5 3" xfId="142" xr:uid="{00000000-0005-0000-0000-00008D000000}"/>
    <cellStyle name="Millares 11 5 4" xfId="143" xr:uid="{00000000-0005-0000-0000-00008E000000}"/>
    <cellStyle name="Millares 11 5 5" xfId="144" xr:uid="{00000000-0005-0000-0000-00008F000000}"/>
    <cellStyle name="Millares 11 5 6" xfId="145" xr:uid="{00000000-0005-0000-0000-000090000000}"/>
    <cellStyle name="Millares 11 5 7" xfId="146" xr:uid="{00000000-0005-0000-0000-000091000000}"/>
    <cellStyle name="Millares 11 5 8" xfId="147" xr:uid="{00000000-0005-0000-0000-000092000000}"/>
    <cellStyle name="Millares 11 5 9" xfId="148" xr:uid="{00000000-0005-0000-0000-000093000000}"/>
    <cellStyle name="Millares 11 6" xfId="149" xr:uid="{00000000-0005-0000-0000-000094000000}"/>
    <cellStyle name="Millares 11 6 2" xfId="150" xr:uid="{00000000-0005-0000-0000-000095000000}"/>
    <cellStyle name="Millares 11 6 2 2" xfId="151" xr:uid="{00000000-0005-0000-0000-000096000000}"/>
    <cellStyle name="Millares 11 6 2 3" xfId="152" xr:uid="{00000000-0005-0000-0000-000097000000}"/>
    <cellStyle name="Millares 11 6 2 4" xfId="153" xr:uid="{00000000-0005-0000-0000-000098000000}"/>
    <cellStyle name="Millares 11 6 2 5" xfId="154" xr:uid="{00000000-0005-0000-0000-000099000000}"/>
    <cellStyle name="Millares 11 6 2 6" xfId="155" xr:uid="{00000000-0005-0000-0000-00009A000000}"/>
    <cellStyle name="Millares 11 6 2 7" xfId="156" xr:uid="{00000000-0005-0000-0000-00009B000000}"/>
    <cellStyle name="Millares 11 6 2 8" xfId="157" xr:uid="{00000000-0005-0000-0000-00009C000000}"/>
    <cellStyle name="Millares 11 6 3" xfId="158" xr:uid="{00000000-0005-0000-0000-00009D000000}"/>
    <cellStyle name="Millares 11 6 4" xfId="159" xr:uid="{00000000-0005-0000-0000-00009E000000}"/>
    <cellStyle name="Millares 11 6 5" xfId="160" xr:uid="{00000000-0005-0000-0000-00009F000000}"/>
    <cellStyle name="Millares 11 6 6" xfId="161" xr:uid="{00000000-0005-0000-0000-0000A0000000}"/>
    <cellStyle name="Millares 11 6 7" xfId="162" xr:uid="{00000000-0005-0000-0000-0000A1000000}"/>
    <cellStyle name="Millares 11 6 8" xfId="163" xr:uid="{00000000-0005-0000-0000-0000A2000000}"/>
    <cellStyle name="Millares 11 6 9" xfId="164" xr:uid="{00000000-0005-0000-0000-0000A3000000}"/>
    <cellStyle name="Millares 11 7" xfId="165" xr:uid="{00000000-0005-0000-0000-0000A4000000}"/>
    <cellStyle name="Millares 11 8" xfId="166" xr:uid="{00000000-0005-0000-0000-0000A5000000}"/>
    <cellStyle name="Millares 12" xfId="167" xr:uid="{00000000-0005-0000-0000-0000A6000000}"/>
    <cellStyle name="Millares 12 2" xfId="168" xr:uid="{00000000-0005-0000-0000-0000A7000000}"/>
    <cellStyle name="Millares 12 2 2" xfId="169" xr:uid="{00000000-0005-0000-0000-0000A8000000}"/>
    <cellStyle name="Millares 12 2 2 2" xfId="170" xr:uid="{00000000-0005-0000-0000-0000A9000000}"/>
    <cellStyle name="Millares 12 2 2 3" xfId="171" xr:uid="{00000000-0005-0000-0000-0000AA000000}"/>
    <cellStyle name="Millares 12 2 2 4" xfId="172" xr:uid="{00000000-0005-0000-0000-0000AB000000}"/>
    <cellStyle name="Millares 12 3" xfId="173" xr:uid="{00000000-0005-0000-0000-0000AC000000}"/>
    <cellStyle name="Millares 12 4" xfId="174" xr:uid="{00000000-0005-0000-0000-0000AD000000}"/>
    <cellStyle name="Millares 13" xfId="175" xr:uid="{00000000-0005-0000-0000-0000AE000000}"/>
    <cellStyle name="Millares 13 2" xfId="176" xr:uid="{00000000-0005-0000-0000-0000AF000000}"/>
    <cellStyle name="Millares 13 2 2" xfId="177" xr:uid="{00000000-0005-0000-0000-0000B0000000}"/>
    <cellStyle name="Millares 13 2 3" xfId="178" xr:uid="{00000000-0005-0000-0000-0000B1000000}"/>
    <cellStyle name="Millares 14" xfId="179" xr:uid="{00000000-0005-0000-0000-0000B2000000}"/>
    <cellStyle name="Millares 15" xfId="180" xr:uid="{00000000-0005-0000-0000-0000B3000000}"/>
    <cellStyle name="Millares 15 2" xfId="181" xr:uid="{00000000-0005-0000-0000-0000B4000000}"/>
    <cellStyle name="Millares 16" xfId="182" xr:uid="{00000000-0005-0000-0000-0000B5000000}"/>
    <cellStyle name="Millares 16 2" xfId="183" xr:uid="{00000000-0005-0000-0000-0000B6000000}"/>
    <cellStyle name="Millares 17" xfId="184" xr:uid="{00000000-0005-0000-0000-0000B7000000}"/>
    <cellStyle name="Millares 18" xfId="185" xr:uid="{00000000-0005-0000-0000-0000B8000000}"/>
    <cellStyle name="Millares 19" xfId="186" xr:uid="{00000000-0005-0000-0000-0000B9000000}"/>
    <cellStyle name="Millares 19 2" xfId="187" xr:uid="{00000000-0005-0000-0000-0000BA000000}"/>
    <cellStyle name="Millares 19 3" xfId="188" xr:uid="{00000000-0005-0000-0000-0000BB000000}"/>
    <cellStyle name="Millares 19 3 2" xfId="189" xr:uid="{00000000-0005-0000-0000-0000BC000000}"/>
    <cellStyle name="Millares 19 3 3" xfId="190" xr:uid="{00000000-0005-0000-0000-0000BD000000}"/>
    <cellStyle name="Millares 2" xfId="191" xr:uid="{00000000-0005-0000-0000-0000BE000000}"/>
    <cellStyle name="Millares 2 10" xfId="192" xr:uid="{00000000-0005-0000-0000-0000BF000000}"/>
    <cellStyle name="Millares 2 10 2" xfId="193" xr:uid="{00000000-0005-0000-0000-0000C0000000}"/>
    <cellStyle name="Millares 2 10 3" xfId="194" xr:uid="{00000000-0005-0000-0000-0000C1000000}"/>
    <cellStyle name="Millares 2 11" xfId="195" xr:uid="{00000000-0005-0000-0000-0000C2000000}"/>
    <cellStyle name="Millares 2 11 2" xfId="196" xr:uid="{00000000-0005-0000-0000-0000C3000000}"/>
    <cellStyle name="Millares 2 11 3" xfId="197" xr:uid="{00000000-0005-0000-0000-0000C4000000}"/>
    <cellStyle name="Millares 2 12" xfId="198" xr:uid="{00000000-0005-0000-0000-0000C5000000}"/>
    <cellStyle name="Millares 2 12 2" xfId="199" xr:uid="{00000000-0005-0000-0000-0000C6000000}"/>
    <cellStyle name="Millares 2 12 3" xfId="200" xr:uid="{00000000-0005-0000-0000-0000C7000000}"/>
    <cellStyle name="Millares 2 13" xfId="201" xr:uid="{00000000-0005-0000-0000-0000C8000000}"/>
    <cellStyle name="Millares 2 13 2" xfId="202" xr:uid="{00000000-0005-0000-0000-0000C9000000}"/>
    <cellStyle name="Millares 2 13 3" xfId="203" xr:uid="{00000000-0005-0000-0000-0000CA000000}"/>
    <cellStyle name="Millares 2 14" xfId="204" xr:uid="{00000000-0005-0000-0000-0000CB000000}"/>
    <cellStyle name="Millares 2 14 2" xfId="205" xr:uid="{00000000-0005-0000-0000-0000CC000000}"/>
    <cellStyle name="Millares 2 14 3" xfId="206" xr:uid="{00000000-0005-0000-0000-0000CD000000}"/>
    <cellStyle name="Millares 2 15" xfId="207" xr:uid="{00000000-0005-0000-0000-0000CE000000}"/>
    <cellStyle name="Millares 2 15 2" xfId="208" xr:uid="{00000000-0005-0000-0000-0000CF000000}"/>
    <cellStyle name="Millares 2 15 3" xfId="209" xr:uid="{00000000-0005-0000-0000-0000D0000000}"/>
    <cellStyle name="Millares 2 16" xfId="210" xr:uid="{00000000-0005-0000-0000-0000D1000000}"/>
    <cellStyle name="Millares 2 16 2" xfId="211" xr:uid="{00000000-0005-0000-0000-0000D2000000}"/>
    <cellStyle name="Millares 2 16 3" xfId="212" xr:uid="{00000000-0005-0000-0000-0000D3000000}"/>
    <cellStyle name="Millares 2 17" xfId="213" xr:uid="{00000000-0005-0000-0000-0000D4000000}"/>
    <cellStyle name="Millares 2 17 2" xfId="214" xr:uid="{00000000-0005-0000-0000-0000D5000000}"/>
    <cellStyle name="Millares 2 17 3" xfId="215" xr:uid="{00000000-0005-0000-0000-0000D6000000}"/>
    <cellStyle name="Millares 2 18" xfId="216" xr:uid="{00000000-0005-0000-0000-0000D7000000}"/>
    <cellStyle name="Millares 2 18 2" xfId="217" xr:uid="{00000000-0005-0000-0000-0000D8000000}"/>
    <cellStyle name="Millares 2 18 3" xfId="218" xr:uid="{00000000-0005-0000-0000-0000D9000000}"/>
    <cellStyle name="Millares 2 19" xfId="219" xr:uid="{00000000-0005-0000-0000-0000DA000000}"/>
    <cellStyle name="Millares 2 19 2" xfId="220" xr:uid="{00000000-0005-0000-0000-0000DB000000}"/>
    <cellStyle name="Millares 2 19 3" xfId="221" xr:uid="{00000000-0005-0000-0000-0000DC000000}"/>
    <cellStyle name="Millares 2 2" xfId="222" xr:uid="{00000000-0005-0000-0000-0000DD000000}"/>
    <cellStyle name="Millares 2 2 10" xfId="223" xr:uid="{00000000-0005-0000-0000-0000DE000000}"/>
    <cellStyle name="Millares 2 2 10 2" xfId="224" xr:uid="{00000000-0005-0000-0000-0000DF000000}"/>
    <cellStyle name="Millares 2 2 10 3" xfId="225" xr:uid="{00000000-0005-0000-0000-0000E0000000}"/>
    <cellStyle name="Millares 2 2 11" xfId="226" xr:uid="{00000000-0005-0000-0000-0000E1000000}"/>
    <cellStyle name="Millares 2 2 11 2" xfId="227" xr:uid="{00000000-0005-0000-0000-0000E2000000}"/>
    <cellStyle name="Millares 2 2 11 3" xfId="228" xr:uid="{00000000-0005-0000-0000-0000E3000000}"/>
    <cellStyle name="Millares 2 2 12" xfId="229" xr:uid="{00000000-0005-0000-0000-0000E4000000}"/>
    <cellStyle name="Millares 2 2 12 2" xfId="230" xr:uid="{00000000-0005-0000-0000-0000E5000000}"/>
    <cellStyle name="Millares 2 2 12 3" xfId="231" xr:uid="{00000000-0005-0000-0000-0000E6000000}"/>
    <cellStyle name="Millares 2 2 13" xfId="232" xr:uid="{00000000-0005-0000-0000-0000E7000000}"/>
    <cellStyle name="Millares 2 2 13 2" xfId="233" xr:uid="{00000000-0005-0000-0000-0000E8000000}"/>
    <cellStyle name="Millares 2 2 13 3" xfId="234" xr:uid="{00000000-0005-0000-0000-0000E9000000}"/>
    <cellStyle name="Millares 2 2 14" xfId="235" xr:uid="{00000000-0005-0000-0000-0000EA000000}"/>
    <cellStyle name="Millares 2 2 14 2" xfId="236" xr:uid="{00000000-0005-0000-0000-0000EB000000}"/>
    <cellStyle name="Millares 2 2 14 3" xfId="237" xr:uid="{00000000-0005-0000-0000-0000EC000000}"/>
    <cellStyle name="Millares 2 2 15" xfId="238" xr:uid="{00000000-0005-0000-0000-0000ED000000}"/>
    <cellStyle name="Millares 2 2 15 2" xfId="239" xr:uid="{00000000-0005-0000-0000-0000EE000000}"/>
    <cellStyle name="Millares 2 2 15 3" xfId="240" xr:uid="{00000000-0005-0000-0000-0000EF000000}"/>
    <cellStyle name="Millares 2 2 16" xfId="241" xr:uid="{00000000-0005-0000-0000-0000F0000000}"/>
    <cellStyle name="Millares 2 2 16 2" xfId="242" xr:uid="{00000000-0005-0000-0000-0000F1000000}"/>
    <cellStyle name="Millares 2 2 16 3" xfId="243" xr:uid="{00000000-0005-0000-0000-0000F2000000}"/>
    <cellStyle name="Millares 2 2 17" xfId="244" xr:uid="{00000000-0005-0000-0000-0000F3000000}"/>
    <cellStyle name="Millares 2 2 17 2" xfId="245" xr:uid="{00000000-0005-0000-0000-0000F4000000}"/>
    <cellStyle name="Millares 2 2 17 3" xfId="246" xr:uid="{00000000-0005-0000-0000-0000F5000000}"/>
    <cellStyle name="Millares 2 2 18" xfId="247" xr:uid="{00000000-0005-0000-0000-0000F6000000}"/>
    <cellStyle name="Millares 2 2 18 2" xfId="248" xr:uid="{00000000-0005-0000-0000-0000F7000000}"/>
    <cellStyle name="Millares 2 2 18 3" xfId="249" xr:uid="{00000000-0005-0000-0000-0000F8000000}"/>
    <cellStyle name="Millares 2 2 19" xfId="250" xr:uid="{00000000-0005-0000-0000-0000F9000000}"/>
    <cellStyle name="Millares 2 2 19 2" xfId="251" xr:uid="{00000000-0005-0000-0000-0000FA000000}"/>
    <cellStyle name="Millares 2 2 19 3" xfId="252" xr:uid="{00000000-0005-0000-0000-0000FB000000}"/>
    <cellStyle name="Millares 2 2 2" xfId="253" xr:uid="{00000000-0005-0000-0000-0000FC000000}"/>
    <cellStyle name="Millares 2 2 2 2" xfId="254" xr:uid="{00000000-0005-0000-0000-0000FD000000}"/>
    <cellStyle name="Millares 2 2 2 2 2" xfId="255" xr:uid="{00000000-0005-0000-0000-0000FE000000}"/>
    <cellStyle name="Millares 2 2 2 2 3" xfId="256" xr:uid="{00000000-0005-0000-0000-0000FF000000}"/>
    <cellStyle name="Millares 2 2 2 3" xfId="257" xr:uid="{00000000-0005-0000-0000-000000010000}"/>
    <cellStyle name="Millares 2 2 2 4" xfId="258" xr:uid="{00000000-0005-0000-0000-000001010000}"/>
    <cellStyle name="Millares 2 2 20" xfId="259" xr:uid="{00000000-0005-0000-0000-000002010000}"/>
    <cellStyle name="Millares 2 2 20 2" xfId="260" xr:uid="{00000000-0005-0000-0000-000003010000}"/>
    <cellStyle name="Millares 2 2 20 3" xfId="261" xr:uid="{00000000-0005-0000-0000-000004010000}"/>
    <cellStyle name="Millares 2 2 21" xfId="262" xr:uid="{00000000-0005-0000-0000-000005010000}"/>
    <cellStyle name="Millares 2 2 21 2" xfId="263" xr:uid="{00000000-0005-0000-0000-000006010000}"/>
    <cellStyle name="Millares 2 2 21 3" xfId="264" xr:uid="{00000000-0005-0000-0000-000007010000}"/>
    <cellStyle name="Millares 2 2 22" xfId="265" xr:uid="{00000000-0005-0000-0000-000008010000}"/>
    <cellStyle name="Millares 2 2 22 2" xfId="266" xr:uid="{00000000-0005-0000-0000-000009010000}"/>
    <cellStyle name="Millares 2 2 22 3" xfId="267" xr:uid="{00000000-0005-0000-0000-00000A010000}"/>
    <cellStyle name="Millares 2 2 23" xfId="268" xr:uid="{00000000-0005-0000-0000-00000B010000}"/>
    <cellStyle name="Millares 2 2 23 2" xfId="269" xr:uid="{00000000-0005-0000-0000-00000C010000}"/>
    <cellStyle name="Millares 2 2 23 3" xfId="270" xr:uid="{00000000-0005-0000-0000-00000D010000}"/>
    <cellStyle name="Millares 2 2 24" xfId="271" xr:uid="{00000000-0005-0000-0000-00000E010000}"/>
    <cellStyle name="Millares 2 2 24 2" xfId="272" xr:uid="{00000000-0005-0000-0000-00000F010000}"/>
    <cellStyle name="Millares 2 2 24 3" xfId="273" xr:uid="{00000000-0005-0000-0000-000010010000}"/>
    <cellStyle name="Millares 2 2 25" xfId="274" xr:uid="{00000000-0005-0000-0000-000011010000}"/>
    <cellStyle name="Millares 2 2 25 2" xfId="275" xr:uid="{00000000-0005-0000-0000-000012010000}"/>
    <cellStyle name="Millares 2 2 25 3" xfId="276" xr:uid="{00000000-0005-0000-0000-000013010000}"/>
    <cellStyle name="Millares 2 2 26" xfId="277" xr:uid="{00000000-0005-0000-0000-000014010000}"/>
    <cellStyle name="Millares 2 2 26 2" xfId="278" xr:uid="{00000000-0005-0000-0000-000015010000}"/>
    <cellStyle name="Millares 2 2 26 3" xfId="279" xr:uid="{00000000-0005-0000-0000-000016010000}"/>
    <cellStyle name="Millares 2 2 27" xfId="280" xr:uid="{00000000-0005-0000-0000-000017010000}"/>
    <cellStyle name="Millares 2 2 27 2" xfId="281" xr:uid="{00000000-0005-0000-0000-000018010000}"/>
    <cellStyle name="Millares 2 2 27 3" xfId="282" xr:uid="{00000000-0005-0000-0000-000019010000}"/>
    <cellStyle name="Millares 2 2 28" xfId="283" xr:uid="{00000000-0005-0000-0000-00001A010000}"/>
    <cellStyle name="Millares 2 2 28 2" xfId="284" xr:uid="{00000000-0005-0000-0000-00001B010000}"/>
    <cellStyle name="Millares 2 2 28 3" xfId="285" xr:uid="{00000000-0005-0000-0000-00001C010000}"/>
    <cellStyle name="Millares 2 2 29" xfId="286" xr:uid="{00000000-0005-0000-0000-00001D010000}"/>
    <cellStyle name="Millares 2 2 29 2" xfId="287" xr:uid="{00000000-0005-0000-0000-00001E010000}"/>
    <cellStyle name="Millares 2 2 29 3" xfId="288" xr:uid="{00000000-0005-0000-0000-00001F010000}"/>
    <cellStyle name="Millares 2 2 3" xfId="289" xr:uid="{00000000-0005-0000-0000-000020010000}"/>
    <cellStyle name="Millares 2 2 3 2" xfId="290" xr:uid="{00000000-0005-0000-0000-000021010000}"/>
    <cellStyle name="Millares 2 2 3 3" xfId="291" xr:uid="{00000000-0005-0000-0000-000022010000}"/>
    <cellStyle name="Millares 2 2 30" xfId="292" xr:uid="{00000000-0005-0000-0000-000023010000}"/>
    <cellStyle name="Millares 2 2 30 2" xfId="293" xr:uid="{00000000-0005-0000-0000-000024010000}"/>
    <cellStyle name="Millares 2 2 30 3" xfId="294" xr:uid="{00000000-0005-0000-0000-000025010000}"/>
    <cellStyle name="Millares 2 2 31" xfId="295" xr:uid="{00000000-0005-0000-0000-000026010000}"/>
    <cellStyle name="Millares 2 2 31 2" xfId="296" xr:uid="{00000000-0005-0000-0000-000027010000}"/>
    <cellStyle name="Millares 2 2 31 3" xfId="297" xr:uid="{00000000-0005-0000-0000-000028010000}"/>
    <cellStyle name="Millares 2 2 32" xfId="298" xr:uid="{00000000-0005-0000-0000-000029010000}"/>
    <cellStyle name="Millares 2 2 32 2" xfId="299" xr:uid="{00000000-0005-0000-0000-00002A010000}"/>
    <cellStyle name="Millares 2 2 32 3" xfId="300" xr:uid="{00000000-0005-0000-0000-00002B010000}"/>
    <cellStyle name="Millares 2 2 33" xfId="301" xr:uid="{00000000-0005-0000-0000-00002C010000}"/>
    <cellStyle name="Millares 2 2 33 2" xfId="302" xr:uid="{00000000-0005-0000-0000-00002D010000}"/>
    <cellStyle name="Millares 2 2 33 3" xfId="303" xr:uid="{00000000-0005-0000-0000-00002E010000}"/>
    <cellStyle name="Millares 2 2 34" xfId="304" xr:uid="{00000000-0005-0000-0000-00002F010000}"/>
    <cellStyle name="Millares 2 2 34 2" xfId="305" xr:uid="{00000000-0005-0000-0000-000030010000}"/>
    <cellStyle name="Millares 2 2 34 3" xfId="306" xr:uid="{00000000-0005-0000-0000-000031010000}"/>
    <cellStyle name="Millares 2 2 35" xfId="307" xr:uid="{00000000-0005-0000-0000-000032010000}"/>
    <cellStyle name="Millares 2 2 36" xfId="308" xr:uid="{00000000-0005-0000-0000-000033010000}"/>
    <cellStyle name="Millares 2 2 4" xfId="309" xr:uid="{00000000-0005-0000-0000-000034010000}"/>
    <cellStyle name="Millares 2 2 4 2" xfId="310" xr:uid="{00000000-0005-0000-0000-000035010000}"/>
    <cellStyle name="Millares 2 2 4 3" xfId="311" xr:uid="{00000000-0005-0000-0000-000036010000}"/>
    <cellStyle name="Millares 2 2 5" xfId="312" xr:uid="{00000000-0005-0000-0000-000037010000}"/>
    <cellStyle name="Millares 2 2 5 2" xfId="313" xr:uid="{00000000-0005-0000-0000-000038010000}"/>
    <cellStyle name="Millares 2 2 5 3" xfId="314" xr:uid="{00000000-0005-0000-0000-000039010000}"/>
    <cellStyle name="Millares 2 2 6" xfId="315" xr:uid="{00000000-0005-0000-0000-00003A010000}"/>
    <cellStyle name="Millares 2 2 6 2" xfId="316" xr:uid="{00000000-0005-0000-0000-00003B010000}"/>
    <cellStyle name="Millares 2 2 6 3" xfId="317" xr:uid="{00000000-0005-0000-0000-00003C010000}"/>
    <cellStyle name="Millares 2 2 7" xfId="318" xr:uid="{00000000-0005-0000-0000-00003D010000}"/>
    <cellStyle name="Millares 2 2 7 2" xfId="319" xr:uid="{00000000-0005-0000-0000-00003E010000}"/>
    <cellStyle name="Millares 2 2 7 3" xfId="320" xr:uid="{00000000-0005-0000-0000-00003F010000}"/>
    <cellStyle name="Millares 2 2 8" xfId="321" xr:uid="{00000000-0005-0000-0000-000040010000}"/>
    <cellStyle name="Millares 2 2 8 2" xfId="322" xr:uid="{00000000-0005-0000-0000-000041010000}"/>
    <cellStyle name="Millares 2 2 8 3" xfId="323" xr:uid="{00000000-0005-0000-0000-000042010000}"/>
    <cellStyle name="Millares 2 2 9" xfId="324" xr:uid="{00000000-0005-0000-0000-000043010000}"/>
    <cellStyle name="Millares 2 2 9 2" xfId="325" xr:uid="{00000000-0005-0000-0000-000044010000}"/>
    <cellStyle name="Millares 2 2 9 3" xfId="326" xr:uid="{00000000-0005-0000-0000-000045010000}"/>
    <cellStyle name="Millares 2 20" xfId="327" xr:uid="{00000000-0005-0000-0000-000046010000}"/>
    <cellStyle name="Millares 2 20 2" xfId="328" xr:uid="{00000000-0005-0000-0000-000047010000}"/>
    <cellStyle name="Millares 2 20 3" xfId="329" xr:uid="{00000000-0005-0000-0000-000048010000}"/>
    <cellStyle name="Millares 2 21" xfId="330" xr:uid="{00000000-0005-0000-0000-000049010000}"/>
    <cellStyle name="Millares 2 21 2" xfId="331" xr:uid="{00000000-0005-0000-0000-00004A010000}"/>
    <cellStyle name="Millares 2 21 3" xfId="332" xr:uid="{00000000-0005-0000-0000-00004B010000}"/>
    <cellStyle name="Millares 2 22" xfId="333" xr:uid="{00000000-0005-0000-0000-00004C010000}"/>
    <cellStyle name="Millares 2 22 2" xfId="334" xr:uid="{00000000-0005-0000-0000-00004D010000}"/>
    <cellStyle name="Millares 2 22 3" xfId="335" xr:uid="{00000000-0005-0000-0000-00004E010000}"/>
    <cellStyle name="Millares 2 23" xfId="336" xr:uid="{00000000-0005-0000-0000-00004F010000}"/>
    <cellStyle name="Millares 2 23 2" xfId="337" xr:uid="{00000000-0005-0000-0000-000050010000}"/>
    <cellStyle name="Millares 2 23 3" xfId="338" xr:uid="{00000000-0005-0000-0000-000051010000}"/>
    <cellStyle name="Millares 2 24" xfId="339" xr:uid="{00000000-0005-0000-0000-000052010000}"/>
    <cellStyle name="Millares 2 24 2" xfId="340" xr:uid="{00000000-0005-0000-0000-000053010000}"/>
    <cellStyle name="Millares 2 24 3" xfId="341" xr:uid="{00000000-0005-0000-0000-000054010000}"/>
    <cellStyle name="Millares 2 25" xfId="342" xr:uid="{00000000-0005-0000-0000-000055010000}"/>
    <cellStyle name="Millares 2 25 2" xfId="343" xr:uid="{00000000-0005-0000-0000-000056010000}"/>
    <cellStyle name="Millares 2 25 3" xfId="344" xr:uid="{00000000-0005-0000-0000-000057010000}"/>
    <cellStyle name="Millares 2 26" xfId="345" xr:uid="{00000000-0005-0000-0000-000058010000}"/>
    <cellStyle name="Millares 2 26 2" xfId="346" xr:uid="{00000000-0005-0000-0000-000059010000}"/>
    <cellStyle name="Millares 2 26 3" xfId="347" xr:uid="{00000000-0005-0000-0000-00005A010000}"/>
    <cellStyle name="Millares 2 27" xfId="348" xr:uid="{00000000-0005-0000-0000-00005B010000}"/>
    <cellStyle name="Millares 2 27 2" xfId="349" xr:uid="{00000000-0005-0000-0000-00005C010000}"/>
    <cellStyle name="Millares 2 27 3" xfId="350" xr:uid="{00000000-0005-0000-0000-00005D010000}"/>
    <cellStyle name="Millares 2 28" xfId="351" xr:uid="{00000000-0005-0000-0000-00005E010000}"/>
    <cellStyle name="Millares 2 28 2" xfId="352" xr:uid="{00000000-0005-0000-0000-00005F010000}"/>
    <cellStyle name="Millares 2 28 3" xfId="353" xr:uid="{00000000-0005-0000-0000-000060010000}"/>
    <cellStyle name="Millares 2 29" xfId="354" xr:uid="{00000000-0005-0000-0000-000061010000}"/>
    <cellStyle name="Millares 2 29 2" xfId="355" xr:uid="{00000000-0005-0000-0000-000062010000}"/>
    <cellStyle name="Millares 2 29 3" xfId="356" xr:uid="{00000000-0005-0000-0000-000063010000}"/>
    <cellStyle name="Millares 2 3" xfId="357" xr:uid="{00000000-0005-0000-0000-000064010000}"/>
    <cellStyle name="Millares 2 3 2" xfId="358" xr:uid="{00000000-0005-0000-0000-000065010000}"/>
    <cellStyle name="Millares 2 3 3" xfId="359" xr:uid="{00000000-0005-0000-0000-000066010000}"/>
    <cellStyle name="Millares 2 3 4" xfId="360" xr:uid="{00000000-0005-0000-0000-000067010000}"/>
    <cellStyle name="Millares 2 3 5" xfId="361" xr:uid="{00000000-0005-0000-0000-000068010000}"/>
    <cellStyle name="Millares 2 30" xfId="362" xr:uid="{00000000-0005-0000-0000-000069010000}"/>
    <cellStyle name="Millares 2 30 2" xfId="363" xr:uid="{00000000-0005-0000-0000-00006A010000}"/>
    <cellStyle name="Millares 2 30 3" xfId="364" xr:uid="{00000000-0005-0000-0000-00006B010000}"/>
    <cellStyle name="Millares 2 31" xfId="365" xr:uid="{00000000-0005-0000-0000-00006C010000}"/>
    <cellStyle name="Millares 2 31 2" xfId="366" xr:uid="{00000000-0005-0000-0000-00006D010000}"/>
    <cellStyle name="Millares 2 31 3" xfId="367" xr:uid="{00000000-0005-0000-0000-00006E010000}"/>
    <cellStyle name="Millares 2 32" xfId="368" xr:uid="{00000000-0005-0000-0000-00006F010000}"/>
    <cellStyle name="Millares 2 32 2" xfId="369" xr:uid="{00000000-0005-0000-0000-000070010000}"/>
    <cellStyle name="Millares 2 32 3" xfId="370" xr:uid="{00000000-0005-0000-0000-000071010000}"/>
    <cellStyle name="Millares 2 33" xfId="371" xr:uid="{00000000-0005-0000-0000-000072010000}"/>
    <cellStyle name="Millares 2 33 2" xfId="372" xr:uid="{00000000-0005-0000-0000-000073010000}"/>
    <cellStyle name="Millares 2 33 3" xfId="373" xr:uid="{00000000-0005-0000-0000-000074010000}"/>
    <cellStyle name="Millares 2 34" xfId="374" xr:uid="{00000000-0005-0000-0000-000075010000}"/>
    <cellStyle name="Millares 2 34 2" xfId="375" xr:uid="{00000000-0005-0000-0000-000076010000}"/>
    <cellStyle name="Millares 2 34 3" xfId="376" xr:uid="{00000000-0005-0000-0000-000077010000}"/>
    <cellStyle name="Millares 2 35" xfId="377" xr:uid="{00000000-0005-0000-0000-000078010000}"/>
    <cellStyle name="Millares 2 35 2" xfId="378" xr:uid="{00000000-0005-0000-0000-000079010000}"/>
    <cellStyle name="Millares 2 35 3" xfId="379" xr:uid="{00000000-0005-0000-0000-00007A010000}"/>
    <cellStyle name="Millares 2 36" xfId="380" xr:uid="{00000000-0005-0000-0000-00007B010000}"/>
    <cellStyle name="Millares 2 36 2" xfId="381" xr:uid="{00000000-0005-0000-0000-00007C010000}"/>
    <cellStyle name="Millares 2 36 3" xfId="382" xr:uid="{00000000-0005-0000-0000-00007D010000}"/>
    <cellStyle name="Millares 2 37" xfId="383" xr:uid="{00000000-0005-0000-0000-00007E010000}"/>
    <cellStyle name="Millares 2 37 2" xfId="384" xr:uid="{00000000-0005-0000-0000-00007F010000}"/>
    <cellStyle name="Millares 2 37 3" xfId="385" xr:uid="{00000000-0005-0000-0000-000080010000}"/>
    <cellStyle name="Millares 2 38" xfId="386" xr:uid="{00000000-0005-0000-0000-000081010000}"/>
    <cellStyle name="Millares 2 38 2" xfId="387" xr:uid="{00000000-0005-0000-0000-000082010000}"/>
    <cellStyle name="Millares 2 38 3" xfId="388" xr:uid="{00000000-0005-0000-0000-000083010000}"/>
    <cellStyle name="Millares 2 39" xfId="389" xr:uid="{00000000-0005-0000-0000-000084010000}"/>
    <cellStyle name="Millares 2 39 2" xfId="390" xr:uid="{00000000-0005-0000-0000-000085010000}"/>
    <cellStyle name="Millares 2 39 3" xfId="391" xr:uid="{00000000-0005-0000-0000-000086010000}"/>
    <cellStyle name="Millares 2 4" xfId="392" xr:uid="{00000000-0005-0000-0000-000087010000}"/>
    <cellStyle name="Millares 2 4 2" xfId="393" xr:uid="{00000000-0005-0000-0000-000088010000}"/>
    <cellStyle name="Millares 2 4 2 2" xfId="394" xr:uid="{00000000-0005-0000-0000-000089010000}"/>
    <cellStyle name="Millares 2 4 2 3" xfId="395" xr:uid="{00000000-0005-0000-0000-00008A010000}"/>
    <cellStyle name="Millares 2 4 3" xfId="396" xr:uid="{00000000-0005-0000-0000-00008B010000}"/>
    <cellStyle name="Millares 2 4 4" xfId="397" xr:uid="{00000000-0005-0000-0000-00008C010000}"/>
    <cellStyle name="Millares 2 40" xfId="398" xr:uid="{00000000-0005-0000-0000-00008D010000}"/>
    <cellStyle name="Millares 2 40 2" xfId="399" xr:uid="{00000000-0005-0000-0000-00008E010000}"/>
    <cellStyle name="Millares 2 40 3" xfId="400" xr:uid="{00000000-0005-0000-0000-00008F010000}"/>
    <cellStyle name="Millares 2 41" xfId="401" xr:uid="{00000000-0005-0000-0000-000090010000}"/>
    <cellStyle name="Millares 2 41 2" xfId="402" xr:uid="{00000000-0005-0000-0000-000091010000}"/>
    <cellStyle name="Millares 2 41 3" xfId="403" xr:uid="{00000000-0005-0000-0000-000092010000}"/>
    <cellStyle name="Millares 2 42" xfId="404" xr:uid="{00000000-0005-0000-0000-000093010000}"/>
    <cellStyle name="Millares 2 42 2" xfId="405" xr:uid="{00000000-0005-0000-0000-000094010000}"/>
    <cellStyle name="Millares 2 42 3" xfId="406" xr:uid="{00000000-0005-0000-0000-000095010000}"/>
    <cellStyle name="Millares 2 43" xfId="407" xr:uid="{00000000-0005-0000-0000-000096010000}"/>
    <cellStyle name="Millares 2 43 2" xfId="408" xr:uid="{00000000-0005-0000-0000-000097010000}"/>
    <cellStyle name="Millares 2 43 3" xfId="409" xr:uid="{00000000-0005-0000-0000-000098010000}"/>
    <cellStyle name="Millares 2 44" xfId="410" xr:uid="{00000000-0005-0000-0000-000099010000}"/>
    <cellStyle name="Millares 2 44 2" xfId="411" xr:uid="{00000000-0005-0000-0000-00009A010000}"/>
    <cellStyle name="Millares 2 44 3" xfId="412" xr:uid="{00000000-0005-0000-0000-00009B010000}"/>
    <cellStyle name="Millares 2 45" xfId="413" xr:uid="{00000000-0005-0000-0000-00009C010000}"/>
    <cellStyle name="Millares 2 45 2" xfId="414" xr:uid="{00000000-0005-0000-0000-00009D010000}"/>
    <cellStyle name="Millares 2 45 3" xfId="415" xr:uid="{00000000-0005-0000-0000-00009E010000}"/>
    <cellStyle name="Millares 2 46" xfId="416" xr:uid="{00000000-0005-0000-0000-00009F010000}"/>
    <cellStyle name="Millares 2 46 2" xfId="417" xr:uid="{00000000-0005-0000-0000-0000A0010000}"/>
    <cellStyle name="Millares 2 46 3" xfId="418" xr:uid="{00000000-0005-0000-0000-0000A1010000}"/>
    <cellStyle name="Millares 2 47" xfId="419" xr:uid="{00000000-0005-0000-0000-0000A2010000}"/>
    <cellStyle name="Millares 2 47 2" xfId="420" xr:uid="{00000000-0005-0000-0000-0000A3010000}"/>
    <cellStyle name="Millares 2 47 3" xfId="421" xr:uid="{00000000-0005-0000-0000-0000A4010000}"/>
    <cellStyle name="Millares 2 48" xfId="422" xr:uid="{00000000-0005-0000-0000-0000A5010000}"/>
    <cellStyle name="Millares 2 48 2" xfId="423" xr:uid="{00000000-0005-0000-0000-0000A6010000}"/>
    <cellStyle name="Millares 2 48 3" xfId="424" xr:uid="{00000000-0005-0000-0000-0000A7010000}"/>
    <cellStyle name="Millares 2 49" xfId="425" xr:uid="{00000000-0005-0000-0000-0000A8010000}"/>
    <cellStyle name="Millares 2 49 2" xfId="426" xr:uid="{00000000-0005-0000-0000-0000A9010000}"/>
    <cellStyle name="Millares 2 49 3" xfId="427" xr:uid="{00000000-0005-0000-0000-0000AA010000}"/>
    <cellStyle name="Millares 2 5" xfId="428" xr:uid="{00000000-0005-0000-0000-0000AB010000}"/>
    <cellStyle name="Millares 2 5 2" xfId="429" xr:uid="{00000000-0005-0000-0000-0000AC010000}"/>
    <cellStyle name="Millares 2 5 3" xfId="430" xr:uid="{00000000-0005-0000-0000-0000AD010000}"/>
    <cellStyle name="Millares 2 5 3 2" xfId="431" xr:uid="{00000000-0005-0000-0000-0000AE010000}"/>
    <cellStyle name="Millares 2 5 3 3" xfId="432" xr:uid="{00000000-0005-0000-0000-0000AF010000}"/>
    <cellStyle name="Millares 2 5 4" xfId="433" xr:uid="{00000000-0005-0000-0000-0000B0010000}"/>
    <cellStyle name="Millares 2 5 5" xfId="434" xr:uid="{00000000-0005-0000-0000-0000B1010000}"/>
    <cellStyle name="Millares 2 50" xfId="435" xr:uid="{00000000-0005-0000-0000-0000B2010000}"/>
    <cellStyle name="Millares 2 50 2" xfId="436" xr:uid="{00000000-0005-0000-0000-0000B3010000}"/>
    <cellStyle name="Millares 2 50 3" xfId="437" xr:uid="{00000000-0005-0000-0000-0000B4010000}"/>
    <cellStyle name="Millares 2 51" xfId="438" xr:uid="{00000000-0005-0000-0000-0000B5010000}"/>
    <cellStyle name="Millares 2 51 2" xfId="439" xr:uid="{00000000-0005-0000-0000-0000B6010000}"/>
    <cellStyle name="Millares 2 51 3" xfId="440" xr:uid="{00000000-0005-0000-0000-0000B7010000}"/>
    <cellStyle name="Millares 2 52" xfId="441" xr:uid="{00000000-0005-0000-0000-0000B8010000}"/>
    <cellStyle name="Millares 2 52 2" xfId="442" xr:uid="{00000000-0005-0000-0000-0000B9010000}"/>
    <cellStyle name="Millares 2 52 3" xfId="443" xr:uid="{00000000-0005-0000-0000-0000BA010000}"/>
    <cellStyle name="Millares 2 53" xfId="444" xr:uid="{00000000-0005-0000-0000-0000BB010000}"/>
    <cellStyle name="Millares 2 53 2" xfId="445" xr:uid="{00000000-0005-0000-0000-0000BC010000}"/>
    <cellStyle name="Millares 2 53 3" xfId="446" xr:uid="{00000000-0005-0000-0000-0000BD010000}"/>
    <cellStyle name="Millares 2 54" xfId="447" xr:uid="{00000000-0005-0000-0000-0000BE010000}"/>
    <cellStyle name="Millares 2 54 2" xfId="448" xr:uid="{00000000-0005-0000-0000-0000BF010000}"/>
    <cellStyle name="Millares 2 54 3" xfId="449" xr:uid="{00000000-0005-0000-0000-0000C0010000}"/>
    <cellStyle name="Millares 2 55" xfId="450" xr:uid="{00000000-0005-0000-0000-0000C1010000}"/>
    <cellStyle name="Millares 2 55 2" xfId="451" xr:uid="{00000000-0005-0000-0000-0000C2010000}"/>
    <cellStyle name="Millares 2 55 3" xfId="452" xr:uid="{00000000-0005-0000-0000-0000C3010000}"/>
    <cellStyle name="Millares 2 56" xfId="453" xr:uid="{00000000-0005-0000-0000-0000C4010000}"/>
    <cellStyle name="Millares 2 56 2" xfId="454" xr:uid="{00000000-0005-0000-0000-0000C5010000}"/>
    <cellStyle name="Millares 2 56 3" xfId="455" xr:uid="{00000000-0005-0000-0000-0000C6010000}"/>
    <cellStyle name="Millares 2 57" xfId="456" xr:uid="{00000000-0005-0000-0000-0000C7010000}"/>
    <cellStyle name="Millares 2 57 2" xfId="457" xr:uid="{00000000-0005-0000-0000-0000C8010000}"/>
    <cellStyle name="Millares 2 57 3" xfId="458" xr:uid="{00000000-0005-0000-0000-0000C9010000}"/>
    <cellStyle name="Millares 2 58" xfId="459" xr:uid="{00000000-0005-0000-0000-0000CA010000}"/>
    <cellStyle name="Millares 2 58 2" xfId="460" xr:uid="{00000000-0005-0000-0000-0000CB010000}"/>
    <cellStyle name="Millares 2 58 3" xfId="461" xr:uid="{00000000-0005-0000-0000-0000CC010000}"/>
    <cellStyle name="Millares 2 59" xfId="462" xr:uid="{00000000-0005-0000-0000-0000CD010000}"/>
    <cellStyle name="Millares 2 59 2" xfId="463" xr:uid="{00000000-0005-0000-0000-0000CE010000}"/>
    <cellStyle name="Millares 2 59 3" xfId="464" xr:uid="{00000000-0005-0000-0000-0000CF010000}"/>
    <cellStyle name="Millares 2 6" xfId="465" xr:uid="{00000000-0005-0000-0000-0000D0010000}"/>
    <cellStyle name="Millares 2 6 2" xfId="466" xr:uid="{00000000-0005-0000-0000-0000D1010000}"/>
    <cellStyle name="Millares 2 6 3" xfId="467" xr:uid="{00000000-0005-0000-0000-0000D2010000}"/>
    <cellStyle name="Millares 2 60" xfId="468" xr:uid="{00000000-0005-0000-0000-0000D3010000}"/>
    <cellStyle name="Millares 2 60 2" xfId="469" xr:uid="{00000000-0005-0000-0000-0000D4010000}"/>
    <cellStyle name="Millares 2 60 3" xfId="470" xr:uid="{00000000-0005-0000-0000-0000D5010000}"/>
    <cellStyle name="Millares 2 61" xfId="471" xr:uid="{00000000-0005-0000-0000-0000D6010000}"/>
    <cellStyle name="Millares 2 61 2" xfId="472" xr:uid="{00000000-0005-0000-0000-0000D7010000}"/>
    <cellStyle name="Millares 2 61 3" xfId="473" xr:uid="{00000000-0005-0000-0000-0000D8010000}"/>
    <cellStyle name="Millares 2 62" xfId="474" xr:uid="{00000000-0005-0000-0000-0000D9010000}"/>
    <cellStyle name="Millares 2 62 2" xfId="475" xr:uid="{00000000-0005-0000-0000-0000DA010000}"/>
    <cellStyle name="Millares 2 62 3" xfId="476" xr:uid="{00000000-0005-0000-0000-0000DB010000}"/>
    <cellStyle name="Millares 2 63" xfId="477" xr:uid="{00000000-0005-0000-0000-0000DC010000}"/>
    <cellStyle name="Millares 2 63 2" xfId="478" xr:uid="{00000000-0005-0000-0000-0000DD010000}"/>
    <cellStyle name="Millares 2 63 3" xfId="479" xr:uid="{00000000-0005-0000-0000-0000DE010000}"/>
    <cellStyle name="Millares 2 7" xfId="480" xr:uid="{00000000-0005-0000-0000-0000DF010000}"/>
    <cellStyle name="Millares 2 7 2" xfId="481" xr:uid="{00000000-0005-0000-0000-0000E0010000}"/>
    <cellStyle name="Millares 2 7 3" xfId="482" xr:uid="{00000000-0005-0000-0000-0000E1010000}"/>
    <cellStyle name="Millares 2 8" xfId="483" xr:uid="{00000000-0005-0000-0000-0000E2010000}"/>
    <cellStyle name="Millares 2 8 2" xfId="484" xr:uid="{00000000-0005-0000-0000-0000E3010000}"/>
    <cellStyle name="Millares 2 8 3" xfId="485" xr:uid="{00000000-0005-0000-0000-0000E4010000}"/>
    <cellStyle name="Millares 2 9" xfId="486" xr:uid="{00000000-0005-0000-0000-0000E5010000}"/>
    <cellStyle name="Millares 2 9 2" xfId="487" xr:uid="{00000000-0005-0000-0000-0000E6010000}"/>
    <cellStyle name="Millares 2 9 3" xfId="488" xr:uid="{00000000-0005-0000-0000-0000E7010000}"/>
    <cellStyle name="Millares 2_FG02-2 MATRIZ POR MES" xfId="489" xr:uid="{00000000-0005-0000-0000-0000E8010000}"/>
    <cellStyle name="Millares 20" xfId="490" xr:uid="{00000000-0005-0000-0000-0000E9010000}"/>
    <cellStyle name="Millares 20 2" xfId="491" xr:uid="{00000000-0005-0000-0000-0000EA010000}"/>
    <cellStyle name="Millares 21" xfId="492" xr:uid="{00000000-0005-0000-0000-0000EB010000}"/>
    <cellStyle name="Millares 21 2" xfId="493" xr:uid="{00000000-0005-0000-0000-0000EC010000}"/>
    <cellStyle name="Millares 22" xfId="494" xr:uid="{00000000-0005-0000-0000-0000ED010000}"/>
    <cellStyle name="Millares 22 2" xfId="495" xr:uid="{00000000-0005-0000-0000-0000EE010000}"/>
    <cellStyle name="Millares 22 3" xfId="496" xr:uid="{00000000-0005-0000-0000-0000EF010000}"/>
    <cellStyle name="Millares 22 3 2" xfId="497" xr:uid="{00000000-0005-0000-0000-0000F0010000}"/>
    <cellStyle name="Millares 22 3 3" xfId="498" xr:uid="{00000000-0005-0000-0000-0000F1010000}"/>
    <cellStyle name="Millares 23" xfId="499" xr:uid="{00000000-0005-0000-0000-0000F2010000}"/>
    <cellStyle name="Millares 24" xfId="500" xr:uid="{00000000-0005-0000-0000-0000F3010000}"/>
    <cellStyle name="Millares 24 2" xfId="501" xr:uid="{00000000-0005-0000-0000-0000F4010000}"/>
    <cellStyle name="Millares 25" xfId="502" xr:uid="{00000000-0005-0000-0000-0000F5010000}"/>
    <cellStyle name="Millares 25 2" xfId="503" xr:uid="{00000000-0005-0000-0000-0000F6010000}"/>
    <cellStyle name="Millares 26" xfId="504" xr:uid="{00000000-0005-0000-0000-0000F7010000}"/>
    <cellStyle name="Millares 26 2" xfId="505" xr:uid="{00000000-0005-0000-0000-0000F8010000}"/>
    <cellStyle name="Millares 27" xfId="506" xr:uid="{00000000-0005-0000-0000-0000F9010000}"/>
    <cellStyle name="Millares 27 2" xfId="507" xr:uid="{00000000-0005-0000-0000-0000FA010000}"/>
    <cellStyle name="Millares 28" xfId="508" xr:uid="{00000000-0005-0000-0000-0000FB010000}"/>
    <cellStyle name="Millares 28 2" xfId="509" xr:uid="{00000000-0005-0000-0000-0000FC010000}"/>
    <cellStyle name="Millares 29" xfId="510" xr:uid="{00000000-0005-0000-0000-0000FD010000}"/>
    <cellStyle name="Millares 3" xfId="511" xr:uid="{00000000-0005-0000-0000-0000FE010000}"/>
    <cellStyle name="Millares 3 10" xfId="512" xr:uid="{00000000-0005-0000-0000-0000FF010000}"/>
    <cellStyle name="Millares 3 11" xfId="513" xr:uid="{00000000-0005-0000-0000-000000020000}"/>
    <cellStyle name="Millares 3 12" xfId="514" xr:uid="{00000000-0005-0000-0000-000001020000}"/>
    <cellStyle name="Millares 3 13" xfId="515" xr:uid="{00000000-0005-0000-0000-000002020000}"/>
    <cellStyle name="Millares 3 14" xfId="516" xr:uid="{00000000-0005-0000-0000-000003020000}"/>
    <cellStyle name="Millares 3 15" xfId="517" xr:uid="{00000000-0005-0000-0000-000004020000}"/>
    <cellStyle name="Millares 3 16" xfId="518" xr:uid="{00000000-0005-0000-0000-000005020000}"/>
    <cellStyle name="Millares 3 17" xfId="519" xr:uid="{00000000-0005-0000-0000-000006020000}"/>
    <cellStyle name="Millares 3 18" xfId="520" xr:uid="{00000000-0005-0000-0000-000007020000}"/>
    <cellStyle name="Millares 3 19" xfId="521" xr:uid="{00000000-0005-0000-0000-000008020000}"/>
    <cellStyle name="Millares 3 2" xfId="522" xr:uid="{00000000-0005-0000-0000-000009020000}"/>
    <cellStyle name="Millares 3 2 10" xfId="523" xr:uid="{00000000-0005-0000-0000-00000A020000}"/>
    <cellStyle name="Millares 3 2 10 2" xfId="524" xr:uid="{00000000-0005-0000-0000-00000B020000}"/>
    <cellStyle name="Millares 3 2 11" xfId="525" xr:uid="{00000000-0005-0000-0000-00000C020000}"/>
    <cellStyle name="Millares 3 2 12" xfId="526" xr:uid="{00000000-0005-0000-0000-00000D020000}"/>
    <cellStyle name="Millares 3 2 13" xfId="527" xr:uid="{00000000-0005-0000-0000-00000E020000}"/>
    <cellStyle name="Millares 3 2 14" xfId="528" xr:uid="{00000000-0005-0000-0000-00000F020000}"/>
    <cellStyle name="Millares 3 2 15" xfId="529" xr:uid="{00000000-0005-0000-0000-000010020000}"/>
    <cellStyle name="Millares 3 2 16" xfId="530" xr:uid="{00000000-0005-0000-0000-000011020000}"/>
    <cellStyle name="Millares 3 2 17" xfId="531" xr:uid="{00000000-0005-0000-0000-000012020000}"/>
    <cellStyle name="Millares 3 2 18" xfId="532" xr:uid="{00000000-0005-0000-0000-000013020000}"/>
    <cellStyle name="Millares 3 2 19" xfId="533" xr:uid="{00000000-0005-0000-0000-000014020000}"/>
    <cellStyle name="Millares 3 2 2" xfId="534" xr:uid="{00000000-0005-0000-0000-000015020000}"/>
    <cellStyle name="Millares 3 2 20" xfId="535" xr:uid="{00000000-0005-0000-0000-000016020000}"/>
    <cellStyle name="Millares 3 2 21" xfId="536" xr:uid="{00000000-0005-0000-0000-000017020000}"/>
    <cellStyle name="Millares 3 2 22" xfId="537" xr:uid="{00000000-0005-0000-0000-000018020000}"/>
    <cellStyle name="Millares 3 2 23" xfId="538" xr:uid="{00000000-0005-0000-0000-000019020000}"/>
    <cellStyle name="Millares 3 2 24" xfId="539" xr:uid="{00000000-0005-0000-0000-00001A020000}"/>
    <cellStyle name="Millares 3 2 25" xfId="540" xr:uid="{00000000-0005-0000-0000-00001B020000}"/>
    <cellStyle name="Millares 3 2 26" xfId="541" xr:uid="{00000000-0005-0000-0000-00001C020000}"/>
    <cellStyle name="Millares 3 2 27" xfId="542" xr:uid="{00000000-0005-0000-0000-00001D020000}"/>
    <cellStyle name="Millares 3 2 28" xfId="543" xr:uid="{00000000-0005-0000-0000-00001E020000}"/>
    <cellStyle name="Millares 3 2 29" xfId="544" xr:uid="{00000000-0005-0000-0000-00001F020000}"/>
    <cellStyle name="Millares 3 2 3" xfId="545" xr:uid="{00000000-0005-0000-0000-000020020000}"/>
    <cellStyle name="Millares 3 2 30" xfId="546" xr:uid="{00000000-0005-0000-0000-000021020000}"/>
    <cellStyle name="Millares 3 2 31" xfId="547" xr:uid="{00000000-0005-0000-0000-000022020000}"/>
    <cellStyle name="Millares 3 2 32" xfId="548" xr:uid="{00000000-0005-0000-0000-000023020000}"/>
    <cellStyle name="Millares 3 2 4" xfId="549" xr:uid="{00000000-0005-0000-0000-000024020000}"/>
    <cellStyle name="Millares 3 2 5" xfId="550" xr:uid="{00000000-0005-0000-0000-000025020000}"/>
    <cellStyle name="Millares 3 2 6" xfId="551" xr:uid="{00000000-0005-0000-0000-000026020000}"/>
    <cellStyle name="Millares 3 2 7" xfId="552" xr:uid="{00000000-0005-0000-0000-000027020000}"/>
    <cellStyle name="Millares 3 2 8" xfId="553" xr:uid="{00000000-0005-0000-0000-000028020000}"/>
    <cellStyle name="Millares 3 2 9" xfId="554" xr:uid="{00000000-0005-0000-0000-000029020000}"/>
    <cellStyle name="Millares 3 20" xfId="555" xr:uid="{00000000-0005-0000-0000-00002A020000}"/>
    <cellStyle name="Millares 3 21" xfId="556" xr:uid="{00000000-0005-0000-0000-00002B020000}"/>
    <cellStyle name="Millares 3 22" xfId="557" xr:uid="{00000000-0005-0000-0000-00002C020000}"/>
    <cellStyle name="Millares 3 23" xfId="558" xr:uid="{00000000-0005-0000-0000-00002D020000}"/>
    <cellStyle name="Millares 3 24" xfId="559" xr:uid="{00000000-0005-0000-0000-00002E020000}"/>
    <cellStyle name="Millares 3 25" xfId="560" xr:uid="{00000000-0005-0000-0000-00002F020000}"/>
    <cellStyle name="Millares 3 26" xfId="561" xr:uid="{00000000-0005-0000-0000-000030020000}"/>
    <cellStyle name="Millares 3 27" xfId="562" xr:uid="{00000000-0005-0000-0000-000031020000}"/>
    <cellStyle name="Millares 3 28" xfId="563" xr:uid="{00000000-0005-0000-0000-000032020000}"/>
    <cellStyle name="Millares 3 29" xfId="564" xr:uid="{00000000-0005-0000-0000-000033020000}"/>
    <cellStyle name="Millares 3 3" xfId="565" xr:uid="{00000000-0005-0000-0000-000034020000}"/>
    <cellStyle name="Millares 3 3 10" xfId="566" xr:uid="{00000000-0005-0000-0000-000035020000}"/>
    <cellStyle name="Millares 3 3 11" xfId="567" xr:uid="{00000000-0005-0000-0000-000036020000}"/>
    <cellStyle name="Millares 3 3 12" xfId="568" xr:uid="{00000000-0005-0000-0000-000037020000}"/>
    <cellStyle name="Millares 3 3 13" xfId="569" xr:uid="{00000000-0005-0000-0000-000038020000}"/>
    <cellStyle name="Millares 3 3 14" xfId="570" xr:uid="{00000000-0005-0000-0000-000039020000}"/>
    <cellStyle name="Millares 3 3 15" xfId="571" xr:uid="{00000000-0005-0000-0000-00003A020000}"/>
    <cellStyle name="Millares 3 3 16" xfId="572" xr:uid="{00000000-0005-0000-0000-00003B020000}"/>
    <cellStyle name="Millares 3 3 17" xfId="573" xr:uid="{00000000-0005-0000-0000-00003C020000}"/>
    <cellStyle name="Millares 3 3 18" xfId="574" xr:uid="{00000000-0005-0000-0000-00003D020000}"/>
    <cellStyle name="Millares 3 3 19" xfId="575" xr:uid="{00000000-0005-0000-0000-00003E020000}"/>
    <cellStyle name="Millares 3 3 2" xfId="576" xr:uid="{00000000-0005-0000-0000-00003F020000}"/>
    <cellStyle name="Millares 3 3 20" xfId="577" xr:uid="{00000000-0005-0000-0000-000040020000}"/>
    <cellStyle name="Millares 3 3 21" xfId="578" xr:uid="{00000000-0005-0000-0000-000041020000}"/>
    <cellStyle name="Millares 3 3 22" xfId="579" xr:uid="{00000000-0005-0000-0000-000042020000}"/>
    <cellStyle name="Millares 3 3 23" xfId="580" xr:uid="{00000000-0005-0000-0000-000043020000}"/>
    <cellStyle name="Millares 3 3 24" xfId="581" xr:uid="{00000000-0005-0000-0000-000044020000}"/>
    <cellStyle name="Millares 3 3 25" xfId="582" xr:uid="{00000000-0005-0000-0000-000045020000}"/>
    <cellStyle name="Millares 3 3 26" xfId="583" xr:uid="{00000000-0005-0000-0000-000046020000}"/>
    <cellStyle name="Millares 3 3 27" xfId="584" xr:uid="{00000000-0005-0000-0000-000047020000}"/>
    <cellStyle name="Millares 3 3 28" xfId="585" xr:uid="{00000000-0005-0000-0000-000048020000}"/>
    <cellStyle name="Millares 3 3 29" xfId="586" xr:uid="{00000000-0005-0000-0000-000049020000}"/>
    <cellStyle name="Millares 3 3 3" xfId="587" xr:uid="{00000000-0005-0000-0000-00004A020000}"/>
    <cellStyle name="Millares 3 3 4" xfId="588" xr:uid="{00000000-0005-0000-0000-00004B020000}"/>
    <cellStyle name="Millares 3 3 5" xfId="589" xr:uid="{00000000-0005-0000-0000-00004C020000}"/>
    <cellStyle name="Millares 3 3 6" xfId="590" xr:uid="{00000000-0005-0000-0000-00004D020000}"/>
    <cellStyle name="Millares 3 3 7" xfId="591" xr:uid="{00000000-0005-0000-0000-00004E020000}"/>
    <cellStyle name="Millares 3 3 8" xfId="592" xr:uid="{00000000-0005-0000-0000-00004F020000}"/>
    <cellStyle name="Millares 3 3 9" xfId="593" xr:uid="{00000000-0005-0000-0000-000050020000}"/>
    <cellStyle name="Millares 3 30" xfId="594" xr:uid="{00000000-0005-0000-0000-000051020000}"/>
    <cellStyle name="Millares 3 31" xfId="595" xr:uid="{00000000-0005-0000-0000-000052020000}"/>
    <cellStyle name="Millares 3 32" xfId="596" xr:uid="{00000000-0005-0000-0000-000053020000}"/>
    <cellStyle name="Millares 3 33" xfId="597" xr:uid="{00000000-0005-0000-0000-000054020000}"/>
    <cellStyle name="Millares 3 34" xfId="598" xr:uid="{00000000-0005-0000-0000-000055020000}"/>
    <cellStyle name="Millares 3 35" xfId="599" xr:uid="{00000000-0005-0000-0000-000056020000}"/>
    <cellStyle name="Millares 3 36" xfId="600" xr:uid="{00000000-0005-0000-0000-000057020000}"/>
    <cellStyle name="Millares 3 37" xfId="601" xr:uid="{00000000-0005-0000-0000-000058020000}"/>
    <cellStyle name="Millares 3 37 2" xfId="602" xr:uid="{00000000-0005-0000-0000-000059020000}"/>
    <cellStyle name="Millares 3 38" xfId="603" xr:uid="{00000000-0005-0000-0000-00005A020000}"/>
    <cellStyle name="Millares 3 39" xfId="604" xr:uid="{00000000-0005-0000-0000-00005B020000}"/>
    <cellStyle name="Millares 3 4" xfId="605" xr:uid="{00000000-0005-0000-0000-00005C020000}"/>
    <cellStyle name="Millares 3 4 10" xfId="606" xr:uid="{00000000-0005-0000-0000-00005D020000}"/>
    <cellStyle name="Millares 3 4 11" xfId="607" xr:uid="{00000000-0005-0000-0000-00005E020000}"/>
    <cellStyle name="Millares 3 4 12" xfId="608" xr:uid="{00000000-0005-0000-0000-00005F020000}"/>
    <cellStyle name="Millares 3 4 13" xfId="609" xr:uid="{00000000-0005-0000-0000-000060020000}"/>
    <cellStyle name="Millares 3 4 14" xfId="610" xr:uid="{00000000-0005-0000-0000-000061020000}"/>
    <cellStyle name="Millares 3 4 15" xfId="611" xr:uid="{00000000-0005-0000-0000-000062020000}"/>
    <cellStyle name="Millares 3 4 16" xfId="612" xr:uid="{00000000-0005-0000-0000-000063020000}"/>
    <cellStyle name="Millares 3 4 17" xfId="613" xr:uid="{00000000-0005-0000-0000-000064020000}"/>
    <cellStyle name="Millares 3 4 18" xfId="614" xr:uid="{00000000-0005-0000-0000-000065020000}"/>
    <cellStyle name="Millares 3 4 19" xfId="615" xr:uid="{00000000-0005-0000-0000-000066020000}"/>
    <cellStyle name="Millares 3 4 2" xfId="616" xr:uid="{00000000-0005-0000-0000-000067020000}"/>
    <cellStyle name="Millares 3 4 20" xfId="617" xr:uid="{00000000-0005-0000-0000-000068020000}"/>
    <cellStyle name="Millares 3 4 21" xfId="618" xr:uid="{00000000-0005-0000-0000-000069020000}"/>
    <cellStyle name="Millares 3 4 22" xfId="619" xr:uid="{00000000-0005-0000-0000-00006A020000}"/>
    <cellStyle name="Millares 3 4 23" xfId="620" xr:uid="{00000000-0005-0000-0000-00006B020000}"/>
    <cellStyle name="Millares 3 4 24" xfId="621" xr:uid="{00000000-0005-0000-0000-00006C020000}"/>
    <cellStyle name="Millares 3 4 25" xfId="622" xr:uid="{00000000-0005-0000-0000-00006D020000}"/>
    <cellStyle name="Millares 3 4 26" xfId="623" xr:uid="{00000000-0005-0000-0000-00006E020000}"/>
    <cellStyle name="Millares 3 4 27" xfId="624" xr:uid="{00000000-0005-0000-0000-00006F020000}"/>
    <cellStyle name="Millares 3 4 28" xfId="625" xr:uid="{00000000-0005-0000-0000-000070020000}"/>
    <cellStyle name="Millares 3 4 29" xfId="626" xr:uid="{00000000-0005-0000-0000-000071020000}"/>
    <cellStyle name="Millares 3 4 3" xfId="627" xr:uid="{00000000-0005-0000-0000-000072020000}"/>
    <cellStyle name="Millares 3 4 4" xfId="628" xr:uid="{00000000-0005-0000-0000-000073020000}"/>
    <cellStyle name="Millares 3 4 5" xfId="629" xr:uid="{00000000-0005-0000-0000-000074020000}"/>
    <cellStyle name="Millares 3 4 6" xfId="630" xr:uid="{00000000-0005-0000-0000-000075020000}"/>
    <cellStyle name="Millares 3 4 7" xfId="631" xr:uid="{00000000-0005-0000-0000-000076020000}"/>
    <cellStyle name="Millares 3 4 8" xfId="632" xr:uid="{00000000-0005-0000-0000-000077020000}"/>
    <cellStyle name="Millares 3 4 9" xfId="633" xr:uid="{00000000-0005-0000-0000-000078020000}"/>
    <cellStyle name="Millares 3 40" xfId="634" xr:uid="{00000000-0005-0000-0000-000079020000}"/>
    <cellStyle name="Millares 3 41" xfId="635" xr:uid="{00000000-0005-0000-0000-00007A020000}"/>
    <cellStyle name="Millares 3 5" xfId="636" xr:uid="{00000000-0005-0000-0000-00007B020000}"/>
    <cellStyle name="Millares 3 5 10" xfId="637" xr:uid="{00000000-0005-0000-0000-00007C020000}"/>
    <cellStyle name="Millares 3 5 11" xfId="638" xr:uid="{00000000-0005-0000-0000-00007D020000}"/>
    <cellStyle name="Millares 3 5 12" xfId="639" xr:uid="{00000000-0005-0000-0000-00007E020000}"/>
    <cellStyle name="Millares 3 5 13" xfId="640" xr:uid="{00000000-0005-0000-0000-00007F020000}"/>
    <cellStyle name="Millares 3 5 14" xfId="641" xr:uid="{00000000-0005-0000-0000-000080020000}"/>
    <cellStyle name="Millares 3 5 15" xfId="642" xr:uid="{00000000-0005-0000-0000-000081020000}"/>
    <cellStyle name="Millares 3 5 16" xfId="643" xr:uid="{00000000-0005-0000-0000-000082020000}"/>
    <cellStyle name="Millares 3 5 17" xfId="644" xr:uid="{00000000-0005-0000-0000-000083020000}"/>
    <cellStyle name="Millares 3 5 18" xfId="645" xr:uid="{00000000-0005-0000-0000-000084020000}"/>
    <cellStyle name="Millares 3 5 19" xfId="646" xr:uid="{00000000-0005-0000-0000-000085020000}"/>
    <cellStyle name="Millares 3 5 2" xfId="647" xr:uid="{00000000-0005-0000-0000-000086020000}"/>
    <cellStyle name="Millares 3 5 20" xfId="648" xr:uid="{00000000-0005-0000-0000-000087020000}"/>
    <cellStyle name="Millares 3 5 21" xfId="649" xr:uid="{00000000-0005-0000-0000-000088020000}"/>
    <cellStyle name="Millares 3 5 22" xfId="650" xr:uid="{00000000-0005-0000-0000-000089020000}"/>
    <cellStyle name="Millares 3 5 23" xfId="651" xr:uid="{00000000-0005-0000-0000-00008A020000}"/>
    <cellStyle name="Millares 3 5 24" xfId="652" xr:uid="{00000000-0005-0000-0000-00008B020000}"/>
    <cellStyle name="Millares 3 5 25" xfId="653" xr:uid="{00000000-0005-0000-0000-00008C020000}"/>
    <cellStyle name="Millares 3 5 26" xfId="654" xr:uid="{00000000-0005-0000-0000-00008D020000}"/>
    <cellStyle name="Millares 3 5 27" xfId="655" xr:uid="{00000000-0005-0000-0000-00008E020000}"/>
    <cellStyle name="Millares 3 5 28" xfId="656" xr:uid="{00000000-0005-0000-0000-00008F020000}"/>
    <cellStyle name="Millares 3 5 29" xfId="657" xr:uid="{00000000-0005-0000-0000-000090020000}"/>
    <cellStyle name="Millares 3 5 3" xfId="658" xr:uid="{00000000-0005-0000-0000-000091020000}"/>
    <cellStyle name="Millares 3 5 4" xfId="659" xr:uid="{00000000-0005-0000-0000-000092020000}"/>
    <cellStyle name="Millares 3 5 5" xfId="660" xr:uid="{00000000-0005-0000-0000-000093020000}"/>
    <cellStyle name="Millares 3 5 6" xfId="661" xr:uid="{00000000-0005-0000-0000-000094020000}"/>
    <cellStyle name="Millares 3 5 7" xfId="662" xr:uid="{00000000-0005-0000-0000-000095020000}"/>
    <cellStyle name="Millares 3 5 8" xfId="663" xr:uid="{00000000-0005-0000-0000-000096020000}"/>
    <cellStyle name="Millares 3 5 9" xfId="664" xr:uid="{00000000-0005-0000-0000-000097020000}"/>
    <cellStyle name="Millares 3 6" xfId="665" xr:uid="{00000000-0005-0000-0000-000098020000}"/>
    <cellStyle name="Millares 3 6 10" xfId="666" xr:uid="{00000000-0005-0000-0000-000099020000}"/>
    <cellStyle name="Millares 3 6 11" xfId="667" xr:uid="{00000000-0005-0000-0000-00009A020000}"/>
    <cellStyle name="Millares 3 6 12" xfId="668" xr:uid="{00000000-0005-0000-0000-00009B020000}"/>
    <cellStyle name="Millares 3 6 13" xfId="669" xr:uid="{00000000-0005-0000-0000-00009C020000}"/>
    <cellStyle name="Millares 3 6 14" xfId="670" xr:uid="{00000000-0005-0000-0000-00009D020000}"/>
    <cellStyle name="Millares 3 6 15" xfId="671" xr:uid="{00000000-0005-0000-0000-00009E020000}"/>
    <cellStyle name="Millares 3 6 16" xfId="672" xr:uid="{00000000-0005-0000-0000-00009F020000}"/>
    <cellStyle name="Millares 3 6 17" xfId="673" xr:uid="{00000000-0005-0000-0000-0000A0020000}"/>
    <cellStyle name="Millares 3 6 18" xfId="674" xr:uid="{00000000-0005-0000-0000-0000A1020000}"/>
    <cellStyle name="Millares 3 6 19" xfId="675" xr:uid="{00000000-0005-0000-0000-0000A2020000}"/>
    <cellStyle name="Millares 3 6 2" xfId="676" xr:uid="{00000000-0005-0000-0000-0000A3020000}"/>
    <cellStyle name="Millares 3 6 20" xfId="677" xr:uid="{00000000-0005-0000-0000-0000A4020000}"/>
    <cellStyle name="Millares 3 6 21" xfId="678" xr:uid="{00000000-0005-0000-0000-0000A5020000}"/>
    <cellStyle name="Millares 3 6 22" xfId="679" xr:uid="{00000000-0005-0000-0000-0000A6020000}"/>
    <cellStyle name="Millares 3 6 23" xfId="680" xr:uid="{00000000-0005-0000-0000-0000A7020000}"/>
    <cellStyle name="Millares 3 6 24" xfId="681" xr:uid="{00000000-0005-0000-0000-0000A8020000}"/>
    <cellStyle name="Millares 3 6 25" xfId="682" xr:uid="{00000000-0005-0000-0000-0000A9020000}"/>
    <cellStyle name="Millares 3 6 26" xfId="683" xr:uid="{00000000-0005-0000-0000-0000AA020000}"/>
    <cellStyle name="Millares 3 6 27" xfId="684" xr:uid="{00000000-0005-0000-0000-0000AB020000}"/>
    <cellStyle name="Millares 3 6 28" xfId="685" xr:uid="{00000000-0005-0000-0000-0000AC020000}"/>
    <cellStyle name="Millares 3 6 29" xfId="686" xr:uid="{00000000-0005-0000-0000-0000AD020000}"/>
    <cellStyle name="Millares 3 6 3" xfId="687" xr:uid="{00000000-0005-0000-0000-0000AE020000}"/>
    <cellStyle name="Millares 3 6 4" xfId="688" xr:uid="{00000000-0005-0000-0000-0000AF020000}"/>
    <cellStyle name="Millares 3 6 5" xfId="689" xr:uid="{00000000-0005-0000-0000-0000B0020000}"/>
    <cellStyle name="Millares 3 6 6" xfId="690" xr:uid="{00000000-0005-0000-0000-0000B1020000}"/>
    <cellStyle name="Millares 3 6 7" xfId="691" xr:uid="{00000000-0005-0000-0000-0000B2020000}"/>
    <cellStyle name="Millares 3 6 8" xfId="692" xr:uid="{00000000-0005-0000-0000-0000B3020000}"/>
    <cellStyle name="Millares 3 6 9" xfId="693" xr:uid="{00000000-0005-0000-0000-0000B4020000}"/>
    <cellStyle name="Millares 3 7" xfId="694" xr:uid="{00000000-0005-0000-0000-0000B5020000}"/>
    <cellStyle name="Millares 3 7 10" xfId="695" xr:uid="{00000000-0005-0000-0000-0000B6020000}"/>
    <cellStyle name="Millares 3 7 11" xfId="696" xr:uid="{00000000-0005-0000-0000-0000B7020000}"/>
    <cellStyle name="Millares 3 7 12" xfId="697" xr:uid="{00000000-0005-0000-0000-0000B8020000}"/>
    <cellStyle name="Millares 3 7 13" xfId="698" xr:uid="{00000000-0005-0000-0000-0000B9020000}"/>
    <cellStyle name="Millares 3 7 14" xfId="699" xr:uid="{00000000-0005-0000-0000-0000BA020000}"/>
    <cellStyle name="Millares 3 7 15" xfId="700" xr:uid="{00000000-0005-0000-0000-0000BB020000}"/>
    <cellStyle name="Millares 3 7 16" xfId="701" xr:uid="{00000000-0005-0000-0000-0000BC020000}"/>
    <cellStyle name="Millares 3 7 17" xfId="702" xr:uid="{00000000-0005-0000-0000-0000BD020000}"/>
    <cellStyle name="Millares 3 7 18" xfId="703" xr:uid="{00000000-0005-0000-0000-0000BE020000}"/>
    <cellStyle name="Millares 3 7 19" xfId="704" xr:uid="{00000000-0005-0000-0000-0000BF020000}"/>
    <cellStyle name="Millares 3 7 2" xfId="705" xr:uid="{00000000-0005-0000-0000-0000C0020000}"/>
    <cellStyle name="Millares 3 7 20" xfId="706" xr:uid="{00000000-0005-0000-0000-0000C1020000}"/>
    <cellStyle name="Millares 3 7 21" xfId="707" xr:uid="{00000000-0005-0000-0000-0000C2020000}"/>
    <cellStyle name="Millares 3 7 22" xfId="708" xr:uid="{00000000-0005-0000-0000-0000C3020000}"/>
    <cellStyle name="Millares 3 7 23" xfId="709" xr:uid="{00000000-0005-0000-0000-0000C4020000}"/>
    <cellStyle name="Millares 3 7 24" xfId="710" xr:uid="{00000000-0005-0000-0000-0000C5020000}"/>
    <cellStyle name="Millares 3 7 25" xfId="711" xr:uid="{00000000-0005-0000-0000-0000C6020000}"/>
    <cellStyle name="Millares 3 7 26" xfId="712" xr:uid="{00000000-0005-0000-0000-0000C7020000}"/>
    <cellStyle name="Millares 3 7 27" xfId="713" xr:uid="{00000000-0005-0000-0000-0000C8020000}"/>
    <cellStyle name="Millares 3 7 28" xfId="714" xr:uid="{00000000-0005-0000-0000-0000C9020000}"/>
    <cellStyle name="Millares 3 7 29" xfId="715" xr:uid="{00000000-0005-0000-0000-0000CA020000}"/>
    <cellStyle name="Millares 3 7 3" xfId="716" xr:uid="{00000000-0005-0000-0000-0000CB020000}"/>
    <cellStyle name="Millares 3 7 4" xfId="717" xr:uid="{00000000-0005-0000-0000-0000CC020000}"/>
    <cellStyle name="Millares 3 7 5" xfId="718" xr:uid="{00000000-0005-0000-0000-0000CD020000}"/>
    <cellStyle name="Millares 3 7 6" xfId="719" xr:uid="{00000000-0005-0000-0000-0000CE020000}"/>
    <cellStyle name="Millares 3 7 7" xfId="720" xr:uid="{00000000-0005-0000-0000-0000CF020000}"/>
    <cellStyle name="Millares 3 7 8" xfId="721" xr:uid="{00000000-0005-0000-0000-0000D0020000}"/>
    <cellStyle name="Millares 3 7 9" xfId="722" xr:uid="{00000000-0005-0000-0000-0000D1020000}"/>
    <cellStyle name="Millares 3 8" xfId="723" xr:uid="{00000000-0005-0000-0000-0000D2020000}"/>
    <cellStyle name="Millares 3 8 10" xfId="724" xr:uid="{00000000-0005-0000-0000-0000D3020000}"/>
    <cellStyle name="Millares 3 8 11" xfId="725" xr:uid="{00000000-0005-0000-0000-0000D4020000}"/>
    <cellStyle name="Millares 3 8 12" xfId="726" xr:uid="{00000000-0005-0000-0000-0000D5020000}"/>
    <cellStyle name="Millares 3 8 13" xfId="727" xr:uid="{00000000-0005-0000-0000-0000D6020000}"/>
    <cellStyle name="Millares 3 8 14" xfId="728" xr:uid="{00000000-0005-0000-0000-0000D7020000}"/>
    <cellStyle name="Millares 3 8 15" xfId="729" xr:uid="{00000000-0005-0000-0000-0000D8020000}"/>
    <cellStyle name="Millares 3 8 16" xfId="730" xr:uid="{00000000-0005-0000-0000-0000D9020000}"/>
    <cellStyle name="Millares 3 8 17" xfId="731" xr:uid="{00000000-0005-0000-0000-0000DA020000}"/>
    <cellStyle name="Millares 3 8 18" xfId="732" xr:uid="{00000000-0005-0000-0000-0000DB020000}"/>
    <cellStyle name="Millares 3 8 19" xfId="733" xr:uid="{00000000-0005-0000-0000-0000DC020000}"/>
    <cellStyle name="Millares 3 8 2" xfId="734" xr:uid="{00000000-0005-0000-0000-0000DD020000}"/>
    <cellStyle name="Millares 3 8 2 10" xfId="735" xr:uid="{00000000-0005-0000-0000-0000DE020000}"/>
    <cellStyle name="Millares 3 8 2 11" xfId="736" xr:uid="{00000000-0005-0000-0000-0000DF020000}"/>
    <cellStyle name="Millares 3 8 2 12" xfId="737" xr:uid="{00000000-0005-0000-0000-0000E0020000}"/>
    <cellStyle name="Millares 3 8 2 13" xfId="738" xr:uid="{00000000-0005-0000-0000-0000E1020000}"/>
    <cellStyle name="Millares 3 8 2 14" xfId="739" xr:uid="{00000000-0005-0000-0000-0000E2020000}"/>
    <cellStyle name="Millares 3 8 2 15" xfId="740" xr:uid="{00000000-0005-0000-0000-0000E3020000}"/>
    <cellStyle name="Millares 3 8 2 16" xfId="741" xr:uid="{00000000-0005-0000-0000-0000E4020000}"/>
    <cellStyle name="Millares 3 8 2 17" xfId="742" xr:uid="{00000000-0005-0000-0000-0000E5020000}"/>
    <cellStyle name="Millares 3 8 2 18" xfId="743" xr:uid="{00000000-0005-0000-0000-0000E6020000}"/>
    <cellStyle name="Millares 3 8 2 19" xfId="744" xr:uid="{00000000-0005-0000-0000-0000E7020000}"/>
    <cellStyle name="Millares 3 8 2 2" xfId="745" xr:uid="{00000000-0005-0000-0000-0000E8020000}"/>
    <cellStyle name="Millares 3 8 2 20" xfId="746" xr:uid="{00000000-0005-0000-0000-0000E9020000}"/>
    <cellStyle name="Millares 3 8 2 21" xfId="747" xr:uid="{00000000-0005-0000-0000-0000EA020000}"/>
    <cellStyle name="Millares 3 8 2 22" xfId="748" xr:uid="{00000000-0005-0000-0000-0000EB020000}"/>
    <cellStyle name="Millares 3 8 2 23" xfId="749" xr:uid="{00000000-0005-0000-0000-0000EC020000}"/>
    <cellStyle name="Millares 3 8 2 24" xfId="750" xr:uid="{00000000-0005-0000-0000-0000ED020000}"/>
    <cellStyle name="Millares 3 8 2 25" xfId="751" xr:uid="{00000000-0005-0000-0000-0000EE020000}"/>
    <cellStyle name="Millares 3 8 2 26" xfId="752" xr:uid="{00000000-0005-0000-0000-0000EF020000}"/>
    <cellStyle name="Millares 3 8 2 27" xfId="753" xr:uid="{00000000-0005-0000-0000-0000F0020000}"/>
    <cellStyle name="Millares 3 8 2 28" xfId="754" xr:uid="{00000000-0005-0000-0000-0000F1020000}"/>
    <cellStyle name="Millares 3 8 2 29" xfId="755" xr:uid="{00000000-0005-0000-0000-0000F2020000}"/>
    <cellStyle name="Millares 3 8 2 3" xfId="756" xr:uid="{00000000-0005-0000-0000-0000F3020000}"/>
    <cellStyle name="Millares 3 8 2 30" xfId="757" xr:uid="{00000000-0005-0000-0000-0000F4020000}"/>
    <cellStyle name="Millares 3 8 2 4" xfId="758" xr:uid="{00000000-0005-0000-0000-0000F5020000}"/>
    <cellStyle name="Millares 3 8 2 5" xfId="759" xr:uid="{00000000-0005-0000-0000-0000F6020000}"/>
    <cellStyle name="Millares 3 8 2 6" xfId="760" xr:uid="{00000000-0005-0000-0000-0000F7020000}"/>
    <cellStyle name="Millares 3 8 2 7" xfId="761" xr:uid="{00000000-0005-0000-0000-0000F8020000}"/>
    <cellStyle name="Millares 3 8 2 8" xfId="762" xr:uid="{00000000-0005-0000-0000-0000F9020000}"/>
    <cellStyle name="Millares 3 8 2 9" xfId="763" xr:uid="{00000000-0005-0000-0000-0000FA020000}"/>
    <cellStyle name="Millares 3 8 20" xfId="764" xr:uid="{00000000-0005-0000-0000-0000FB020000}"/>
    <cellStyle name="Millares 3 8 21" xfId="765" xr:uid="{00000000-0005-0000-0000-0000FC020000}"/>
    <cellStyle name="Millares 3 8 22" xfId="766" xr:uid="{00000000-0005-0000-0000-0000FD020000}"/>
    <cellStyle name="Millares 3 8 23" xfId="767" xr:uid="{00000000-0005-0000-0000-0000FE020000}"/>
    <cellStyle name="Millares 3 8 24" xfId="768" xr:uid="{00000000-0005-0000-0000-0000FF020000}"/>
    <cellStyle name="Millares 3 8 25" xfId="769" xr:uid="{00000000-0005-0000-0000-000000030000}"/>
    <cellStyle name="Millares 3 8 26" xfId="770" xr:uid="{00000000-0005-0000-0000-000001030000}"/>
    <cellStyle name="Millares 3 8 27" xfId="771" xr:uid="{00000000-0005-0000-0000-000002030000}"/>
    <cellStyle name="Millares 3 8 28" xfId="772" xr:uid="{00000000-0005-0000-0000-000003030000}"/>
    <cellStyle name="Millares 3 8 29" xfId="773" xr:uid="{00000000-0005-0000-0000-000004030000}"/>
    <cellStyle name="Millares 3 8 3" xfId="774" xr:uid="{00000000-0005-0000-0000-000005030000}"/>
    <cellStyle name="Millares 3 8 3 2" xfId="775" xr:uid="{00000000-0005-0000-0000-000006030000}"/>
    <cellStyle name="Millares 3 8 30" xfId="776" xr:uid="{00000000-0005-0000-0000-000007030000}"/>
    <cellStyle name="Millares 3 8 31" xfId="777" xr:uid="{00000000-0005-0000-0000-000008030000}"/>
    <cellStyle name="Millares 3 8 4" xfId="778" xr:uid="{00000000-0005-0000-0000-000009030000}"/>
    <cellStyle name="Millares 3 8 5" xfId="779" xr:uid="{00000000-0005-0000-0000-00000A030000}"/>
    <cellStyle name="Millares 3 8 6" xfId="780" xr:uid="{00000000-0005-0000-0000-00000B030000}"/>
    <cellStyle name="Millares 3 8 7" xfId="781" xr:uid="{00000000-0005-0000-0000-00000C030000}"/>
    <cellStyle name="Millares 3 8 8" xfId="782" xr:uid="{00000000-0005-0000-0000-00000D030000}"/>
    <cellStyle name="Millares 3 8 9" xfId="783" xr:uid="{00000000-0005-0000-0000-00000E030000}"/>
    <cellStyle name="Millares 3 9" xfId="784" xr:uid="{00000000-0005-0000-0000-00000F030000}"/>
    <cellStyle name="Millares 3 9 2" xfId="785" xr:uid="{00000000-0005-0000-0000-000010030000}"/>
    <cellStyle name="Millares 3 9 2 2" xfId="786" xr:uid="{00000000-0005-0000-0000-000011030000}"/>
    <cellStyle name="Millares 3 9 2 3" xfId="787" xr:uid="{00000000-0005-0000-0000-000012030000}"/>
    <cellStyle name="Millares 3 9 3" xfId="788" xr:uid="{00000000-0005-0000-0000-000013030000}"/>
    <cellStyle name="Millares 3_FG02-2 MATRIZ POR MES" xfId="789" xr:uid="{00000000-0005-0000-0000-000014030000}"/>
    <cellStyle name="Millares 30" xfId="790" xr:uid="{00000000-0005-0000-0000-000015030000}"/>
    <cellStyle name="Millares 31" xfId="791" xr:uid="{00000000-0005-0000-0000-000016030000}"/>
    <cellStyle name="Millares 31 2" xfId="792" xr:uid="{00000000-0005-0000-0000-000017030000}"/>
    <cellStyle name="Millares 31 3" xfId="793" xr:uid="{00000000-0005-0000-0000-000018030000}"/>
    <cellStyle name="Millares 31 3 2" xfId="794" xr:uid="{00000000-0005-0000-0000-000019030000}"/>
    <cellStyle name="Millares 31 3 3" xfId="795" xr:uid="{00000000-0005-0000-0000-00001A030000}"/>
    <cellStyle name="Millares 32" xfId="796" xr:uid="{00000000-0005-0000-0000-00001B030000}"/>
    <cellStyle name="Millares 33" xfId="797" xr:uid="{00000000-0005-0000-0000-00001C030000}"/>
    <cellStyle name="Millares 33 2" xfId="798" xr:uid="{00000000-0005-0000-0000-00001D030000}"/>
    <cellStyle name="Millares 33 2 2" xfId="799" xr:uid="{00000000-0005-0000-0000-00001E030000}"/>
    <cellStyle name="Millares 33 2 3" xfId="800" xr:uid="{00000000-0005-0000-0000-00001F030000}"/>
    <cellStyle name="Millares 34" xfId="801" xr:uid="{00000000-0005-0000-0000-000020030000}"/>
    <cellStyle name="Millares 35" xfId="802" xr:uid="{00000000-0005-0000-0000-000021030000}"/>
    <cellStyle name="Millares 36" xfId="803" xr:uid="{00000000-0005-0000-0000-000022030000}"/>
    <cellStyle name="Millares 37" xfId="804" xr:uid="{00000000-0005-0000-0000-000023030000}"/>
    <cellStyle name="Millares 37 2" xfId="805" xr:uid="{00000000-0005-0000-0000-000024030000}"/>
    <cellStyle name="Millares 37 2 2" xfId="806" xr:uid="{00000000-0005-0000-0000-000025030000}"/>
    <cellStyle name="Millares 37 2 3" xfId="807" xr:uid="{00000000-0005-0000-0000-000026030000}"/>
    <cellStyle name="Millares 38" xfId="808" xr:uid="{00000000-0005-0000-0000-000027030000}"/>
    <cellStyle name="Millares 39" xfId="809" xr:uid="{00000000-0005-0000-0000-000028030000}"/>
    <cellStyle name="Millares 4" xfId="810" xr:uid="{00000000-0005-0000-0000-000029030000}"/>
    <cellStyle name="Millares 4 10" xfId="811" xr:uid="{00000000-0005-0000-0000-00002A030000}"/>
    <cellStyle name="Millares 4 11" xfId="812" xr:uid="{00000000-0005-0000-0000-00002B030000}"/>
    <cellStyle name="Millares 4 12" xfId="813" xr:uid="{00000000-0005-0000-0000-00002C030000}"/>
    <cellStyle name="Millares 4 13" xfId="814" xr:uid="{00000000-0005-0000-0000-00002D030000}"/>
    <cellStyle name="Millares 4 14" xfId="815" xr:uid="{00000000-0005-0000-0000-00002E030000}"/>
    <cellStyle name="Millares 4 15" xfId="816" xr:uid="{00000000-0005-0000-0000-00002F030000}"/>
    <cellStyle name="Millares 4 16" xfId="817" xr:uid="{00000000-0005-0000-0000-000030030000}"/>
    <cellStyle name="Millares 4 17" xfId="818" xr:uid="{00000000-0005-0000-0000-000031030000}"/>
    <cellStyle name="Millares 4 18" xfId="819" xr:uid="{00000000-0005-0000-0000-000032030000}"/>
    <cellStyle name="Millares 4 19" xfId="820" xr:uid="{00000000-0005-0000-0000-000033030000}"/>
    <cellStyle name="Millares 4 2" xfId="821" xr:uid="{00000000-0005-0000-0000-000034030000}"/>
    <cellStyle name="Millares 4 2 10" xfId="822" xr:uid="{00000000-0005-0000-0000-000035030000}"/>
    <cellStyle name="Millares 4 2 11" xfId="823" xr:uid="{00000000-0005-0000-0000-000036030000}"/>
    <cellStyle name="Millares 4 2 12" xfId="824" xr:uid="{00000000-0005-0000-0000-000037030000}"/>
    <cellStyle name="Millares 4 2 13" xfId="825" xr:uid="{00000000-0005-0000-0000-000038030000}"/>
    <cellStyle name="Millares 4 2 14" xfId="826" xr:uid="{00000000-0005-0000-0000-000039030000}"/>
    <cellStyle name="Millares 4 2 15" xfId="827" xr:uid="{00000000-0005-0000-0000-00003A030000}"/>
    <cellStyle name="Millares 4 2 16" xfId="828" xr:uid="{00000000-0005-0000-0000-00003B030000}"/>
    <cellStyle name="Millares 4 2 17" xfId="829" xr:uid="{00000000-0005-0000-0000-00003C030000}"/>
    <cellStyle name="Millares 4 2 18" xfId="830" xr:uid="{00000000-0005-0000-0000-00003D030000}"/>
    <cellStyle name="Millares 4 2 19" xfId="831" xr:uid="{00000000-0005-0000-0000-00003E030000}"/>
    <cellStyle name="Millares 4 2 2" xfId="832" xr:uid="{00000000-0005-0000-0000-00003F030000}"/>
    <cellStyle name="Millares 4 2 20" xfId="833" xr:uid="{00000000-0005-0000-0000-000040030000}"/>
    <cellStyle name="Millares 4 2 21" xfId="834" xr:uid="{00000000-0005-0000-0000-000041030000}"/>
    <cellStyle name="Millares 4 2 22" xfId="835" xr:uid="{00000000-0005-0000-0000-000042030000}"/>
    <cellStyle name="Millares 4 2 23" xfId="836" xr:uid="{00000000-0005-0000-0000-000043030000}"/>
    <cellStyle name="Millares 4 2 24" xfId="837" xr:uid="{00000000-0005-0000-0000-000044030000}"/>
    <cellStyle name="Millares 4 2 25" xfId="838" xr:uid="{00000000-0005-0000-0000-000045030000}"/>
    <cellStyle name="Millares 4 2 26" xfId="839" xr:uid="{00000000-0005-0000-0000-000046030000}"/>
    <cellStyle name="Millares 4 2 27" xfId="840" xr:uid="{00000000-0005-0000-0000-000047030000}"/>
    <cellStyle name="Millares 4 2 28" xfId="841" xr:uid="{00000000-0005-0000-0000-000048030000}"/>
    <cellStyle name="Millares 4 2 29" xfId="842" xr:uid="{00000000-0005-0000-0000-000049030000}"/>
    <cellStyle name="Millares 4 2 3" xfId="843" xr:uid="{00000000-0005-0000-0000-00004A030000}"/>
    <cellStyle name="Millares 4 2 30" xfId="844" xr:uid="{00000000-0005-0000-0000-00004B030000}"/>
    <cellStyle name="Millares 4 2 31" xfId="845" xr:uid="{00000000-0005-0000-0000-00004C030000}"/>
    <cellStyle name="Millares 4 2 32" xfId="846" xr:uid="{00000000-0005-0000-0000-00004D030000}"/>
    <cellStyle name="Millares 4 2 33" xfId="847" xr:uid="{00000000-0005-0000-0000-00004E030000}"/>
    <cellStyle name="Millares 4 2 34" xfId="848" xr:uid="{00000000-0005-0000-0000-00004F030000}"/>
    <cellStyle name="Millares 4 2 35" xfId="849" xr:uid="{00000000-0005-0000-0000-000050030000}"/>
    <cellStyle name="Millares 4 2 36" xfId="850" xr:uid="{00000000-0005-0000-0000-000051030000}"/>
    <cellStyle name="Millares 4 2 37" xfId="851" xr:uid="{00000000-0005-0000-0000-000052030000}"/>
    <cellStyle name="Millares 4 2 38" xfId="852" xr:uid="{00000000-0005-0000-0000-000053030000}"/>
    <cellStyle name="Millares 4 2 39" xfId="853" xr:uid="{00000000-0005-0000-0000-000054030000}"/>
    <cellStyle name="Millares 4 2 4" xfId="854" xr:uid="{00000000-0005-0000-0000-000055030000}"/>
    <cellStyle name="Millares 4 2 40" xfId="855" xr:uid="{00000000-0005-0000-0000-000056030000}"/>
    <cellStyle name="Millares 4 2 41" xfId="856" xr:uid="{00000000-0005-0000-0000-000057030000}"/>
    <cellStyle name="Millares 4 2 42" xfId="857" xr:uid="{00000000-0005-0000-0000-000058030000}"/>
    <cellStyle name="Millares 4 2 43" xfId="858" xr:uid="{00000000-0005-0000-0000-000059030000}"/>
    <cellStyle name="Millares 4 2 44" xfId="859" xr:uid="{00000000-0005-0000-0000-00005A030000}"/>
    <cellStyle name="Millares 4 2 45" xfId="860" xr:uid="{00000000-0005-0000-0000-00005B030000}"/>
    <cellStyle name="Millares 4 2 46" xfId="861" xr:uid="{00000000-0005-0000-0000-00005C030000}"/>
    <cellStyle name="Millares 4 2 47" xfId="862" xr:uid="{00000000-0005-0000-0000-00005D030000}"/>
    <cellStyle name="Millares 4 2 48" xfId="863" xr:uid="{00000000-0005-0000-0000-00005E030000}"/>
    <cellStyle name="Millares 4 2 49" xfId="864" xr:uid="{00000000-0005-0000-0000-00005F030000}"/>
    <cellStyle name="Millares 4 2 5" xfId="865" xr:uid="{00000000-0005-0000-0000-000060030000}"/>
    <cellStyle name="Millares 4 2 50" xfId="866" xr:uid="{00000000-0005-0000-0000-000061030000}"/>
    <cellStyle name="Millares 4 2 51" xfId="867" xr:uid="{00000000-0005-0000-0000-000062030000}"/>
    <cellStyle name="Millares 4 2 52" xfId="868" xr:uid="{00000000-0005-0000-0000-000063030000}"/>
    <cellStyle name="Millares 4 2 53" xfId="869" xr:uid="{00000000-0005-0000-0000-000064030000}"/>
    <cellStyle name="Millares 4 2 54" xfId="870" xr:uid="{00000000-0005-0000-0000-000065030000}"/>
    <cellStyle name="Millares 4 2 55" xfId="871" xr:uid="{00000000-0005-0000-0000-000066030000}"/>
    <cellStyle name="Millares 4 2 56" xfId="872" xr:uid="{00000000-0005-0000-0000-000067030000}"/>
    <cellStyle name="Millares 4 2 57" xfId="873" xr:uid="{00000000-0005-0000-0000-000068030000}"/>
    <cellStyle name="Millares 4 2 58" xfId="874" xr:uid="{00000000-0005-0000-0000-000069030000}"/>
    <cellStyle name="Millares 4 2 59" xfId="875" xr:uid="{00000000-0005-0000-0000-00006A030000}"/>
    <cellStyle name="Millares 4 2 6" xfId="876" xr:uid="{00000000-0005-0000-0000-00006B030000}"/>
    <cellStyle name="Millares 4 2 60" xfId="877" xr:uid="{00000000-0005-0000-0000-00006C030000}"/>
    <cellStyle name="Millares 4 2 7" xfId="878" xr:uid="{00000000-0005-0000-0000-00006D030000}"/>
    <cellStyle name="Millares 4 2 8" xfId="879" xr:uid="{00000000-0005-0000-0000-00006E030000}"/>
    <cellStyle name="Millares 4 2 9" xfId="880" xr:uid="{00000000-0005-0000-0000-00006F030000}"/>
    <cellStyle name="Millares 4 20" xfId="881" xr:uid="{00000000-0005-0000-0000-000070030000}"/>
    <cellStyle name="Millares 4 21" xfId="882" xr:uid="{00000000-0005-0000-0000-000071030000}"/>
    <cellStyle name="Millares 4 22" xfId="883" xr:uid="{00000000-0005-0000-0000-000072030000}"/>
    <cellStyle name="Millares 4 23" xfId="884" xr:uid="{00000000-0005-0000-0000-000073030000}"/>
    <cellStyle name="Millares 4 24" xfId="885" xr:uid="{00000000-0005-0000-0000-000074030000}"/>
    <cellStyle name="Millares 4 25" xfId="886" xr:uid="{00000000-0005-0000-0000-000075030000}"/>
    <cellStyle name="Millares 4 26" xfId="887" xr:uid="{00000000-0005-0000-0000-000076030000}"/>
    <cellStyle name="Millares 4 27" xfId="888" xr:uid="{00000000-0005-0000-0000-000077030000}"/>
    <cellStyle name="Millares 4 28" xfId="889" xr:uid="{00000000-0005-0000-0000-000078030000}"/>
    <cellStyle name="Millares 4 29" xfId="890" xr:uid="{00000000-0005-0000-0000-000079030000}"/>
    <cellStyle name="Millares 4 3" xfId="891" xr:uid="{00000000-0005-0000-0000-00007A030000}"/>
    <cellStyle name="Millares 4 3 10" xfId="892" xr:uid="{00000000-0005-0000-0000-00007B030000}"/>
    <cellStyle name="Millares 4 3 11" xfId="893" xr:uid="{00000000-0005-0000-0000-00007C030000}"/>
    <cellStyle name="Millares 4 3 12" xfId="894" xr:uid="{00000000-0005-0000-0000-00007D030000}"/>
    <cellStyle name="Millares 4 3 13" xfId="895" xr:uid="{00000000-0005-0000-0000-00007E030000}"/>
    <cellStyle name="Millares 4 3 14" xfId="896" xr:uid="{00000000-0005-0000-0000-00007F030000}"/>
    <cellStyle name="Millares 4 3 15" xfId="897" xr:uid="{00000000-0005-0000-0000-000080030000}"/>
    <cellStyle name="Millares 4 3 16" xfId="898" xr:uid="{00000000-0005-0000-0000-000081030000}"/>
    <cellStyle name="Millares 4 3 17" xfId="899" xr:uid="{00000000-0005-0000-0000-000082030000}"/>
    <cellStyle name="Millares 4 3 18" xfId="900" xr:uid="{00000000-0005-0000-0000-000083030000}"/>
    <cellStyle name="Millares 4 3 19" xfId="901" xr:uid="{00000000-0005-0000-0000-000084030000}"/>
    <cellStyle name="Millares 4 3 2" xfId="902" xr:uid="{00000000-0005-0000-0000-000085030000}"/>
    <cellStyle name="Millares 4 3 20" xfId="903" xr:uid="{00000000-0005-0000-0000-000086030000}"/>
    <cellStyle name="Millares 4 3 21" xfId="904" xr:uid="{00000000-0005-0000-0000-000087030000}"/>
    <cellStyle name="Millares 4 3 22" xfId="905" xr:uid="{00000000-0005-0000-0000-000088030000}"/>
    <cellStyle name="Millares 4 3 23" xfId="906" xr:uid="{00000000-0005-0000-0000-000089030000}"/>
    <cellStyle name="Millares 4 3 24" xfId="907" xr:uid="{00000000-0005-0000-0000-00008A030000}"/>
    <cellStyle name="Millares 4 3 25" xfId="908" xr:uid="{00000000-0005-0000-0000-00008B030000}"/>
    <cellStyle name="Millares 4 3 26" xfId="909" xr:uid="{00000000-0005-0000-0000-00008C030000}"/>
    <cellStyle name="Millares 4 3 27" xfId="910" xr:uid="{00000000-0005-0000-0000-00008D030000}"/>
    <cellStyle name="Millares 4 3 28" xfId="911" xr:uid="{00000000-0005-0000-0000-00008E030000}"/>
    <cellStyle name="Millares 4 3 29" xfId="912" xr:uid="{00000000-0005-0000-0000-00008F030000}"/>
    <cellStyle name="Millares 4 3 3" xfId="913" xr:uid="{00000000-0005-0000-0000-000090030000}"/>
    <cellStyle name="Millares 4 3 30" xfId="914" xr:uid="{00000000-0005-0000-0000-000091030000}"/>
    <cellStyle name="Millares 4 3 4" xfId="915" xr:uid="{00000000-0005-0000-0000-000092030000}"/>
    <cellStyle name="Millares 4 3 5" xfId="916" xr:uid="{00000000-0005-0000-0000-000093030000}"/>
    <cellStyle name="Millares 4 3 6" xfId="917" xr:uid="{00000000-0005-0000-0000-000094030000}"/>
    <cellStyle name="Millares 4 3 7" xfId="918" xr:uid="{00000000-0005-0000-0000-000095030000}"/>
    <cellStyle name="Millares 4 3 8" xfId="919" xr:uid="{00000000-0005-0000-0000-000096030000}"/>
    <cellStyle name="Millares 4 3 9" xfId="920" xr:uid="{00000000-0005-0000-0000-000097030000}"/>
    <cellStyle name="Millares 4 30" xfId="921" xr:uid="{00000000-0005-0000-0000-000098030000}"/>
    <cellStyle name="Millares 4 31" xfId="922" xr:uid="{00000000-0005-0000-0000-000099030000}"/>
    <cellStyle name="Millares 4 32" xfId="923" xr:uid="{00000000-0005-0000-0000-00009A030000}"/>
    <cellStyle name="Millares 4 33" xfId="924" xr:uid="{00000000-0005-0000-0000-00009B030000}"/>
    <cellStyle name="Millares 4 34" xfId="925" xr:uid="{00000000-0005-0000-0000-00009C030000}"/>
    <cellStyle name="Millares 4 35" xfId="926" xr:uid="{00000000-0005-0000-0000-00009D030000}"/>
    <cellStyle name="Millares 4 36" xfId="927" xr:uid="{00000000-0005-0000-0000-00009E030000}"/>
    <cellStyle name="Millares 4 37" xfId="928" xr:uid="{00000000-0005-0000-0000-00009F030000}"/>
    <cellStyle name="Millares 4 38" xfId="929" xr:uid="{00000000-0005-0000-0000-0000A0030000}"/>
    <cellStyle name="Millares 4 39" xfId="930" xr:uid="{00000000-0005-0000-0000-0000A1030000}"/>
    <cellStyle name="Millares 4 4" xfId="931" xr:uid="{00000000-0005-0000-0000-0000A2030000}"/>
    <cellStyle name="Millares 4 4 2" xfId="932" xr:uid="{00000000-0005-0000-0000-0000A3030000}"/>
    <cellStyle name="Millares 4 40" xfId="933" xr:uid="{00000000-0005-0000-0000-0000A4030000}"/>
    <cellStyle name="Millares 4 41" xfId="934" xr:uid="{00000000-0005-0000-0000-0000A5030000}"/>
    <cellStyle name="Millares 4 42" xfId="935" xr:uid="{00000000-0005-0000-0000-0000A6030000}"/>
    <cellStyle name="Millares 4 43" xfId="936" xr:uid="{00000000-0005-0000-0000-0000A7030000}"/>
    <cellStyle name="Millares 4 44" xfId="937" xr:uid="{00000000-0005-0000-0000-0000A8030000}"/>
    <cellStyle name="Millares 4 45" xfId="938" xr:uid="{00000000-0005-0000-0000-0000A9030000}"/>
    <cellStyle name="Millares 4 46" xfId="939" xr:uid="{00000000-0005-0000-0000-0000AA030000}"/>
    <cellStyle name="Millares 4 47" xfId="940" xr:uid="{00000000-0005-0000-0000-0000AB030000}"/>
    <cellStyle name="Millares 4 48" xfId="941" xr:uid="{00000000-0005-0000-0000-0000AC030000}"/>
    <cellStyle name="Millares 4 49" xfId="942" xr:uid="{00000000-0005-0000-0000-0000AD030000}"/>
    <cellStyle name="Millares 4 5" xfId="943" xr:uid="{00000000-0005-0000-0000-0000AE030000}"/>
    <cellStyle name="Millares 4 50" xfId="944" xr:uid="{00000000-0005-0000-0000-0000AF030000}"/>
    <cellStyle name="Millares 4 51" xfId="945" xr:uid="{00000000-0005-0000-0000-0000B0030000}"/>
    <cellStyle name="Millares 4 52" xfId="946" xr:uid="{00000000-0005-0000-0000-0000B1030000}"/>
    <cellStyle name="Millares 4 53" xfId="947" xr:uid="{00000000-0005-0000-0000-0000B2030000}"/>
    <cellStyle name="Millares 4 54" xfId="948" xr:uid="{00000000-0005-0000-0000-0000B3030000}"/>
    <cellStyle name="Millares 4 55" xfId="949" xr:uid="{00000000-0005-0000-0000-0000B4030000}"/>
    <cellStyle name="Millares 4 56" xfId="950" xr:uid="{00000000-0005-0000-0000-0000B5030000}"/>
    <cellStyle name="Millares 4 57" xfId="951" xr:uid="{00000000-0005-0000-0000-0000B6030000}"/>
    <cellStyle name="Millares 4 58" xfId="952" xr:uid="{00000000-0005-0000-0000-0000B7030000}"/>
    <cellStyle name="Millares 4 59" xfId="953" xr:uid="{00000000-0005-0000-0000-0000B8030000}"/>
    <cellStyle name="Millares 4 6" xfId="954" xr:uid="{00000000-0005-0000-0000-0000B9030000}"/>
    <cellStyle name="Millares 4 60" xfId="955" xr:uid="{00000000-0005-0000-0000-0000BA030000}"/>
    <cellStyle name="Millares 4 61" xfId="956" xr:uid="{00000000-0005-0000-0000-0000BB030000}"/>
    <cellStyle name="Millares 4 62" xfId="957" xr:uid="{00000000-0005-0000-0000-0000BC030000}"/>
    <cellStyle name="Millares 4 7" xfId="958" xr:uid="{00000000-0005-0000-0000-0000BD030000}"/>
    <cellStyle name="Millares 4 8" xfId="959" xr:uid="{00000000-0005-0000-0000-0000BE030000}"/>
    <cellStyle name="Millares 4 9" xfId="960" xr:uid="{00000000-0005-0000-0000-0000BF030000}"/>
    <cellStyle name="Millares 4_Form. Antepr. 2012" xfId="961" xr:uid="{00000000-0005-0000-0000-0000C0030000}"/>
    <cellStyle name="Millares 40" xfId="962" xr:uid="{00000000-0005-0000-0000-0000C1030000}"/>
    <cellStyle name="Millares 40 2" xfId="963" xr:uid="{00000000-0005-0000-0000-0000C2030000}"/>
    <cellStyle name="Millares 40 2 2" xfId="964" xr:uid="{00000000-0005-0000-0000-0000C3030000}"/>
    <cellStyle name="Millares 40 2 3" xfId="965" xr:uid="{00000000-0005-0000-0000-0000C4030000}"/>
    <cellStyle name="Millares 41" xfId="966" xr:uid="{00000000-0005-0000-0000-0000C5030000}"/>
    <cellStyle name="Millares 42" xfId="967" xr:uid="{00000000-0005-0000-0000-0000C6030000}"/>
    <cellStyle name="Millares 43" xfId="968" xr:uid="{00000000-0005-0000-0000-0000C7030000}"/>
    <cellStyle name="Millares 43 2" xfId="969" xr:uid="{00000000-0005-0000-0000-0000C8030000}"/>
    <cellStyle name="Millares 43 2 2" xfId="970" xr:uid="{00000000-0005-0000-0000-0000C9030000}"/>
    <cellStyle name="Millares 43 2 3" xfId="971" xr:uid="{00000000-0005-0000-0000-0000CA030000}"/>
    <cellStyle name="Millares 44" xfId="972" xr:uid="{00000000-0005-0000-0000-0000CB030000}"/>
    <cellStyle name="Millares 45" xfId="973" xr:uid="{00000000-0005-0000-0000-0000CC030000}"/>
    <cellStyle name="Millares 46" xfId="974" xr:uid="{00000000-0005-0000-0000-0000CD030000}"/>
    <cellStyle name="Millares 46 2" xfId="975" xr:uid="{00000000-0005-0000-0000-0000CE030000}"/>
    <cellStyle name="Millares 46 2 2" xfId="976" xr:uid="{00000000-0005-0000-0000-0000CF030000}"/>
    <cellStyle name="Millares 46 2 3" xfId="977" xr:uid="{00000000-0005-0000-0000-0000D0030000}"/>
    <cellStyle name="Millares 47" xfId="978" xr:uid="{00000000-0005-0000-0000-0000D1030000}"/>
    <cellStyle name="Millares 48" xfId="979" xr:uid="{00000000-0005-0000-0000-0000D2030000}"/>
    <cellStyle name="Millares 49" xfId="980" xr:uid="{00000000-0005-0000-0000-0000D3030000}"/>
    <cellStyle name="Millares 5" xfId="981" xr:uid="{00000000-0005-0000-0000-0000D4030000}"/>
    <cellStyle name="Millares 5 10" xfId="982" xr:uid="{00000000-0005-0000-0000-0000D5030000}"/>
    <cellStyle name="Millares 5 11" xfId="983" xr:uid="{00000000-0005-0000-0000-0000D6030000}"/>
    <cellStyle name="Millares 5 12" xfId="984" xr:uid="{00000000-0005-0000-0000-0000D7030000}"/>
    <cellStyle name="Millares 5 13" xfId="985" xr:uid="{00000000-0005-0000-0000-0000D8030000}"/>
    <cellStyle name="Millares 5 14" xfId="986" xr:uid="{00000000-0005-0000-0000-0000D9030000}"/>
    <cellStyle name="Millares 5 15" xfId="987" xr:uid="{00000000-0005-0000-0000-0000DA030000}"/>
    <cellStyle name="Millares 5 16" xfId="988" xr:uid="{00000000-0005-0000-0000-0000DB030000}"/>
    <cellStyle name="Millares 5 17" xfId="989" xr:uid="{00000000-0005-0000-0000-0000DC030000}"/>
    <cellStyle name="Millares 5 18" xfId="990" xr:uid="{00000000-0005-0000-0000-0000DD030000}"/>
    <cellStyle name="Millares 5 19" xfId="991" xr:uid="{00000000-0005-0000-0000-0000DE030000}"/>
    <cellStyle name="Millares 5 2" xfId="992" xr:uid="{00000000-0005-0000-0000-0000DF030000}"/>
    <cellStyle name="Millares 5 2 10" xfId="993" xr:uid="{00000000-0005-0000-0000-0000E0030000}"/>
    <cellStyle name="Millares 5 2 11" xfId="994" xr:uid="{00000000-0005-0000-0000-0000E1030000}"/>
    <cellStyle name="Millares 5 2 12" xfId="995" xr:uid="{00000000-0005-0000-0000-0000E2030000}"/>
    <cellStyle name="Millares 5 2 13" xfId="996" xr:uid="{00000000-0005-0000-0000-0000E3030000}"/>
    <cellStyle name="Millares 5 2 14" xfId="997" xr:uid="{00000000-0005-0000-0000-0000E4030000}"/>
    <cellStyle name="Millares 5 2 15" xfId="998" xr:uid="{00000000-0005-0000-0000-0000E5030000}"/>
    <cellStyle name="Millares 5 2 16" xfId="999" xr:uid="{00000000-0005-0000-0000-0000E6030000}"/>
    <cellStyle name="Millares 5 2 17" xfId="1000" xr:uid="{00000000-0005-0000-0000-0000E7030000}"/>
    <cellStyle name="Millares 5 2 18" xfId="1001" xr:uid="{00000000-0005-0000-0000-0000E8030000}"/>
    <cellStyle name="Millares 5 2 19" xfId="1002" xr:uid="{00000000-0005-0000-0000-0000E9030000}"/>
    <cellStyle name="Millares 5 2 2" xfId="1003" xr:uid="{00000000-0005-0000-0000-0000EA030000}"/>
    <cellStyle name="Millares 5 2 20" xfId="1004" xr:uid="{00000000-0005-0000-0000-0000EB030000}"/>
    <cellStyle name="Millares 5 2 21" xfId="1005" xr:uid="{00000000-0005-0000-0000-0000EC030000}"/>
    <cellStyle name="Millares 5 2 22" xfId="1006" xr:uid="{00000000-0005-0000-0000-0000ED030000}"/>
    <cellStyle name="Millares 5 2 23" xfId="1007" xr:uid="{00000000-0005-0000-0000-0000EE030000}"/>
    <cellStyle name="Millares 5 2 24" xfId="1008" xr:uid="{00000000-0005-0000-0000-0000EF030000}"/>
    <cellStyle name="Millares 5 2 25" xfId="1009" xr:uid="{00000000-0005-0000-0000-0000F0030000}"/>
    <cellStyle name="Millares 5 2 26" xfId="1010" xr:uid="{00000000-0005-0000-0000-0000F1030000}"/>
    <cellStyle name="Millares 5 2 27" xfId="1011" xr:uid="{00000000-0005-0000-0000-0000F2030000}"/>
    <cellStyle name="Millares 5 2 28" xfId="1012" xr:uid="{00000000-0005-0000-0000-0000F3030000}"/>
    <cellStyle name="Millares 5 2 29" xfId="1013" xr:uid="{00000000-0005-0000-0000-0000F4030000}"/>
    <cellStyle name="Millares 5 2 3" xfId="1014" xr:uid="{00000000-0005-0000-0000-0000F5030000}"/>
    <cellStyle name="Millares 5 2 4" xfId="1015" xr:uid="{00000000-0005-0000-0000-0000F6030000}"/>
    <cellStyle name="Millares 5 2 5" xfId="1016" xr:uid="{00000000-0005-0000-0000-0000F7030000}"/>
    <cellStyle name="Millares 5 2 6" xfId="1017" xr:uid="{00000000-0005-0000-0000-0000F8030000}"/>
    <cellStyle name="Millares 5 2 7" xfId="1018" xr:uid="{00000000-0005-0000-0000-0000F9030000}"/>
    <cellStyle name="Millares 5 2 8" xfId="1019" xr:uid="{00000000-0005-0000-0000-0000FA030000}"/>
    <cellStyle name="Millares 5 2 9" xfId="1020" xr:uid="{00000000-0005-0000-0000-0000FB030000}"/>
    <cellStyle name="Millares 5 20" xfId="1021" xr:uid="{00000000-0005-0000-0000-0000FC030000}"/>
    <cellStyle name="Millares 5 21" xfId="1022" xr:uid="{00000000-0005-0000-0000-0000FD030000}"/>
    <cellStyle name="Millares 5 22" xfId="1023" xr:uid="{00000000-0005-0000-0000-0000FE030000}"/>
    <cellStyle name="Millares 5 23" xfId="1024" xr:uid="{00000000-0005-0000-0000-0000FF030000}"/>
    <cellStyle name="Millares 5 24" xfId="1025" xr:uid="{00000000-0005-0000-0000-000000040000}"/>
    <cellStyle name="Millares 5 25" xfId="1026" xr:uid="{00000000-0005-0000-0000-000001040000}"/>
    <cellStyle name="Millares 5 26" xfId="1027" xr:uid="{00000000-0005-0000-0000-000002040000}"/>
    <cellStyle name="Millares 5 27" xfId="1028" xr:uid="{00000000-0005-0000-0000-000003040000}"/>
    <cellStyle name="Millares 5 28" xfId="1029" xr:uid="{00000000-0005-0000-0000-000004040000}"/>
    <cellStyle name="Millares 5 29" xfId="1030" xr:uid="{00000000-0005-0000-0000-000005040000}"/>
    <cellStyle name="Millares 5 3" xfId="1031" xr:uid="{00000000-0005-0000-0000-000006040000}"/>
    <cellStyle name="Millares 5 30" xfId="1032" xr:uid="{00000000-0005-0000-0000-000007040000}"/>
    <cellStyle name="Millares 5 4" xfId="1033" xr:uid="{00000000-0005-0000-0000-000008040000}"/>
    <cellStyle name="Millares 5 5" xfId="1034" xr:uid="{00000000-0005-0000-0000-000009040000}"/>
    <cellStyle name="Millares 5 6" xfId="1035" xr:uid="{00000000-0005-0000-0000-00000A040000}"/>
    <cellStyle name="Millares 5 7" xfId="1036" xr:uid="{00000000-0005-0000-0000-00000B040000}"/>
    <cellStyle name="Millares 5 8" xfId="1037" xr:uid="{00000000-0005-0000-0000-00000C040000}"/>
    <cellStyle name="Millares 5 9" xfId="1038" xr:uid="{00000000-0005-0000-0000-00000D040000}"/>
    <cellStyle name="Millares 50" xfId="1039" xr:uid="{00000000-0005-0000-0000-00000E040000}"/>
    <cellStyle name="Millares 51" xfId="1040" xr:uid="{00000000-0005-0000-0000-00000F040000}"/>
    <cellStyle name="Millares 52" xfId="1041" xr:uid="{00000000-0005-0000-0000-000010040000}"/>
    <cellStyle name="Millares 53" xfId="1042" xr:uid="{00000000-0005-0000-0000-000011040000}"/>
    <cellStyle name="Millares 54" xfId="1043" xr:uid="{00000000-0005-0000-0000-000012040000}"/>
    <cellStyle name="Millares 55" xfId="1044" xr:uid="{00000000-0005-0000-0000-000013040000}"/>
    <cellStyle name="Millares 56" xfId="1045" xr:uid="{00000000-0005-0000-0000-000014040000}"/>
    <cellStyle name="Millares 57" xfId="1046" xr:uid="{00000000-0005-0000-0000-000015040000}"/>
    <cellStyle name="Millares 58" xfId="1047" xr:uid="{00000000-0005-0000-0000-000016040000}"/>
    <cellStyle name="Millares 59" xfId="1048" xr:uid="{00000000-0005-0000-0000-000017040000}"/>
    <cellStyle name="Millares 6" xfId="1049" xr:uid="{00000000-0005-0000-0000-000018040000}"/>
    <cellStyle name="Millares 6 10" xfId="1050" xr:uid="{00000000-0005-0000-0000-000019040000}"/>
    <cellStyle name="Millares 6 11" xfId="1051" xr:uid="{00000000-0005-0000-0000-00001A040000}"/>
    <cellStyle name="Millares 6 12" xfId="1052" xr:uid="{00000000-0005-0000-0000-00001B040000}"/>
    <cellStyle name="Millares 6 13" xfId="1053" xr:uid="{00000000-0005-0000-0000-00001C040000}"/>
    <cellStyle name="Millares 6 14" xfId="1054" xr:uid="{00000000-0005-0000-0000-00001D040000}"/>
    <cellStyle name="Millares 6 15" xfId="1055" xr:uid="{00000000-0005-0000-0000-00001E040000}"/>
    <cellStyle name="Millares 6 16" xfId="1056" xr:uid="{00000000-0005-0000-0000-00001F040000}"/>
    <cellStyle name="Millares 6 17" xfId="1057" xr:uid="{00000000-0005-0000-0000-000020040000}"/>
    <cellStyle name="Millares 6 18" xfId="1058" xr:uid="{00000000-0005-0000-0000-000021040000}"/>
    <cellStyle name="Millares 6 19" xfId="1059" xr:uid="{00000000-0005-0000-0000-000022040000}"/>
    <cellStyle name="Millares 6 2" xfId="1060" xr:uid="{00000000-0005-0000-0000-000023040000}"/>
    <cellStyle name="Millares 6 2 2" xfId="1061" xr:uid="{00000000-0005-0000-0000-000024040000}"/>
    <cellStyle name="Millares 6 2 2 2" xfId="1062" xr:uid="{00000000-0005-0000-0000-000025040000}"/>
    <cellStyle name="Millares 6 2 2 3" xfId="1063" xr:uid="{00000000-0005-0000-0000-000026040000}"/>
    <cellStyle name="Millares 6 20" xfId="1064" xr:uid="{00000000-0005-0000-0000-000027040000}"/>
    <cellStyle name="Millares 6 21" xfId="1065" xr:uid="{00000000-0005-0000-0000-000028040000}"/>
    <cellStyle name="Millares 6 22" xfId="1066" xr:uid="{00000000-0005-0000-0000-000029040000}"/>
    <cellStyle name="Millares 6 23" xfId="1067" xr:uid="{00000000-0005-0000-0000-00002A040000}"/>
    <cellStyle name="Millares 6 24" xfId="1068" xr:uid="{00000000-0005-0000-0000-00002B040000}"/>
    <cellStyle name="Millares 6 25" xfId="1069" xr:uid="{00000000-0005-0000-0000-00002C040000}"/>
    <cellStyle name="Millares 6 26" xfId="1070" xr:uid="{00000000-0005-0000-0000-00002D040000}"/>
    <cellStyle name="Millares 6 27" xfId="1071" xr:uid="{00000000-0005-0000-0000-00002E040000}"/>
    <cellStyle name="Millares 6 28" xfId="1072" xr:uid="{00000000-0005-0000-0000-00002F040000}"/>
    <cellStyle name="Millares 6 29" xfId="1073" xr:uid="{00000000-0005-0000-0000-000030040000}"/>
    <cellStyle name="Millares 6 3" xfId="1074" xr:uid="{00000000-0005-0000-0000-000031040000}"/>
    <cellStyle name="Millares 6 4" xfId="1075" xr:uid="{00000000-0005-0000-0000-000032040000}"/>
    <cellStyle name="Millares 6 5" xfId="1076" xr:uid="{00000000-0005-0000-0000-000033040000}"/>
    <cellStyle name="Millares 6 6" xfId="1077" xr:uid="{00000000-0005-0000-0000-000034040000}"/>
    <cellStyle name="Millares 6 7" xfId="1078" xr:uid="{00000000-0005-0000-0000-000035040000}"/>
    <cellStyle name="Millares 6 8" xfId="1079" xr:uid="{00000000-0005-0000-0000-000036040000}"/>
    <cellStyle name="Millares 6 9" xfId="1080" xr:uid="{00000000-0005-0000-0000-000037040000}"/>
    <cellStyle name="Millares 60" xfId="1081" xr:uid="{00000000-0005-0000-0000-000038040000}"/>
    <cellStyle name="Millares 61" xfId="1082" xr:uid="{00000000-0005-0000-0000-000039040000}"/>
    <cellStyle name="Millares 62" xfId="1083" xr:uid="{00000000-0005-0000-0000-00003A040000}"/>
    <cellStyle name="Millares 63" xfId="1084" xr:uid="{00000000-0005-0000-0000-00003B040000}"/>
    <cellStyle name="Millares 64" xfId="1085" xr:uid="{00000000-0005-0000-0000-00003C040000}"/>
    <cellStyle name="Millares 65" xfId="1086" xr:uid="{00000000-0005-0000-0000-00003D040000}"/>
    <cellStyle name="Millares 66" xfId="1087" xr:uid="{00000000-0005-0000-0000-00003E040000}"/>
    <cellStyle name="Millares 67" xfId="1088" xr:uid="{00000000-0005-0000-0000-00003F040000}"/>
    <cellStyle name="Millares 68" xfId="1089" xr:uid="{00000000-0005-0000-0000-000040040000}"/>
    <cellStyle name="Millares 68 2" xfId="1090" xr:uid="{00000000-0005-0000-0000-000041040000}"/>
    <cellStyle name="Millares 68 2 2" xfId="1091" xr:uid="{00000000-0005-0000-0000-000042040000}"/>
    <cellStyle name="Millares 68 2 2 2" xfId="1092" xr:uid="{00000000-0005-0000-0000-000043040000}"/>
    <cellStyle name="Millares 68 2 2 3" xfId="1093" xr:uid="{00000000-0005-0000-0000-000044040000}"/>
    <cellStyle name="Millares 68 2 3" xfId="1094" xr:uid="{00000000-0005-0000-0000-000045040000}"/>
    <cellStyle name="Millares 68 2 4" xfId="1095" xr:uid="{00000000-0005-0000-0000-000046040000}"/>
    <cellStyle name="Millares 69" xfId="1096" xr:uid="{00000000-0005-0000-0000-000047040000}"/>
    <cellStyle name="Millares 7" xfId="1097" xr:uid="{00000000-0005-0000-0000-000048040000}"/>
    <cellStyle name="Millares 7 2" xfId="1098" xr:uid="{00000000-0005-0000-0000-000049040000}"/>
    <cellStyle name="Millares 7 2 2" xfId="1099" xr:uid="{00000000-0005-0000-0000-00004A040000}"/>
    <cellStyle name="Millares 7 2 3" xfId="1100" xr:uid="{00000000-0005-0000-0000-00004B040000}"/>
    <cellStyle name="Millares 7 3" xfId="1101" xr:uid="{00000000-0005-0000-0000-00004C040000}"/>
    <cellStyle name="Millares 7 4" xfId="1102" xr:uid="{00000000-0005-0000-0000-00004D040000}"/>
    <cellStyle name="Millares 70" xfId="1103" xr:uid="{00000000-0005-0000-0000-00004E040000}"/>
    <cellStyle name="Millares 71" xfId="1104" xr:uid="{00000000-0005-0000-0000-00004F040000}"/>
    <cellStyle name="Millares 71 2" xfId="1105" xr:uid="{00000000-0005-0000-0000-000050040000}"/>
    <cellStyle name="Millares 71 2 2" xfId="1106" xr:uid="{00000000-0005-0000-0000-000051040000}"/>
    <cellStyle name="Millares 71 2 3" xfId="1107" xr:uid="{00000000-0005-0000-0000-000052040000}"/>
    <cellStyle name="Millares 71 3" xfId="1108" xr:uid="{00000000-0005-0000-0000-000053040000}"/>
    <cellStyle name="Millares 71 4" xfId="1109" xr:uid="{00000000-0005-0000-0000-000054040000}"/>
    <cellStyle name="Millares 72" xfId="1110" xr:uid="{00000000-0005-0000-0000-000055040000}"/>
    <cellStyle name="Millares 72 2" xfId="1111" xr:uid="{00000000-0005-0000-0000-000056040000}"/>
    <cellStyle name="Millares 72 2 2" xfId="1112" xr:uid="{00000000-0005-0000-0000-000057040000}"/>
    <cellStyle name="Millares 72 2 3" xfId="1113" xr:uid="{00000000-0005-0000-0000-000058040000}"/>
    <cellStyle name="Millares 72 3" xfId="1114" xr:uid="{00000000-0005-0000-0000-000059040000}"/>
    <cellStyle name="Millares 72 4" xfId="1115" xr:uid="{00000000-0005-0000-0000-00005A040000}"/>
    <cellStyle name="Millares 73" xfId="1116" xr:uid="{00000000-0005-0000-0000-00005B040000}"/>
    <cellStyle name="Millares 73 2" xfId="1117" xr:uid="{00000000-0005-0000-0000-00005C040000}"/>
    <cellStyle name="Millares 73 2 2" xfId="1118" xr:uid="{00000000-0005-0000-0000-00005D040000}"/>
    <cellStyle name="Millares 73 2 3" xfId="1119" xr:uid="{00000000-0005-0000-0000-00005E040000}"/>
    <cellStyle name="Millares 73 3" xfId="1120" xr:uid="{00000000-0005-0000-0000-00005F040000}"/>
    <cellStyle name="Millares 73 4" xfId="1121" xr:uid="{00000000-0005-0000-0000-000060040000}"/>
    <cellStyle name="Millares 74" xfId="1122" xr:uid="{00000000-0005-0000-0000-000061040000}"/>
    <cellStyle name="Millares 75" xfId="1123" xr:uid="{00000000-0005-0000-0000-000062040000}"/>
    <cellStyle name="Millares 76" xfId="1124" xr:uid="{00000000-0005-0000-0000-000063040000}"/>
    <cellStyle name="Millares 76 2" xfId="1125" xr:uid="{00000000-0005-0000-0000-000064040000}"/>
    <cellStyle name="Millares 76 2 2" xfId="1126" xr:uid="{00000000-0005-0000-0000-000065040000}"/>
    <cellStyle name="Millares 76 2 3" xfId="1127" xr:uid="{00000000-0005-0000-0000-000066040000}"/>
    <cellStyle name="Millares 76 3" xfId="1128" xr:uid="{00000000-0005-0000-0000-000067040000}"/>
    <cellStyle name="Millares 76 4" xfId="1129" xr:uid="{00000000-0005-0000-0000-000068040000}"/>
    <cellStyle name="Millares 77" xfId="1130" xr:uid="{00000000-0005-0000-0000-000069040000}"/>
    <cellStyle name="Millares 77 2" xfId="1131" xr:uid="{00000000-0005-0000-0000-00006A040000}"/>
    <cellStyle name="Millares 77 2 2" xfId="1132" xr:uid="{00000000-0005-0000-0000-00006B040000}"/>
    <cellStyle name="Millares 77 2 3" xfId="1133" xr:uid="{00000000-0005-0000-0000-00006C040000}"/>
    <cellStyle name="Millares 77 3" xfId="1134" xr:uid="{00000000-0005-0000-0000-00006D040000}"/>
    <cellStyle name="Millares 77 4" xfId="1135" xr:uid="{00000000-0005-0000-0000-00006E040000}"/>
    <cellStyle name="Millares 78" xfId="1136" xr:uid="{00000000-0005-0000-0000-00006F040000}"/>
    <cellStyle name="Millares 78 2" xfId="1137" xr:uid="{00000000-0005-0000-0000-000070040000}"/>
    <cellStyle name="Millares 78 3" xfId="1138" xr:uid="{00000000-0005-0000-0000-000071040000}"/>
    <cellStyle name="Millares 79" xfId="1139" xr:uid="{00000000-0005-0000-0000-000072040000}"/>
    <cellStyle name="Millares 79 2" xfId="1140" xr:uid="{00000000-0005-0000-0000-000073040000}"/>
    <cellStyle name="Millares 79 2 2" xfId="1141" xr:uid="{00000000-0005-0000-0000-000074040000}"/>
    <cellStyle name="Millares 79 2 2 2" xfId="1142" xr:uid="{00000000-0005-0000-0000-000075040000}"/>
    <cellStyle name="Millares 79 2 2 3" xfId="1143" xr:uid="{00000000-0005-0000-0000-000076040000}"/>
    <cellStyle name="Millares 79 2 3" xfId="1144" xr:uid="{00000000-0005-0000-0000-000077040000}"/>
    <cellStyle name="Millares 79 2 4" xfId="1145" xr:uid="{00000000-0005-0000-0000-000078040000}"/>
    <cellStyle name="Millares 79 3" xfId="1146" xr:uid="{00000000-0005-0000-0000-000079040000}"/>
    <cellStyle name="Millares 79 4" xfId="1147" xr:uid="{00000000-0005-0000-0000-00007A040000}"/>
    <cellStyle name="Millares 8" xfId="1148" xr:uid="{00000000-0005-0000-0000-00007B040000}"/>
    <cellStyle name="Millares 8 2" xfId="1149" xr:uid="{00000000-0005-0000-0000-00007C040000}"/>
    <cellStyle name="Millares 8 2 2" xfId="1150" xr:uid="{00000000-0005-0000-0000-00007D040000}"/>
    <cellStyle name="Millares 8 3" xfId="1151" xr:uid="{00000000-0005-0000-0000-00007E040000}"/>
    <cellStyle name="Millares 8 3 2" xfId="1152" xr:uid="{00000000-0005-0000-0000-00007F040000}"/>
    <cellStyle name="Millares 8 3 3" xfId="1153" xr:uid="{00000000-0005-0000-0000-000080040000}"/>
    <cellStyle name="Millares 8 4" xfId="1154" xr:uid="{00000000-0005-0000-0000-000081040000}"/>
    <cellStyle name="Millares 8 5" xfId="1155" xr:uid="{00000000-0005-0000-0000-000082040000}"/>
    <cellStyle name="Millares 80" xfId="1156" xr:uid="{00000000-0005-0000-0000-000083040000}"/>
    <cellStyle name="Millares 80 2" xfId="1157" xr:uid="{00000000-0005-0000-0000-000084040000}"/>
    <cellStyle name="Millares 80 3" xfId="1158" xr:uid="{00000000-0005-0000-0000-000085040000}"/>
    <cellStyle name="Millares 81" xfId="1159" xr:uid="{00000000-0005-0000-0000-000086040000}"/>
    <cellStyle name="Millares 81 2" xfId="1160" xr:uid="{00000000-0005-0000-0000-000087040000}"/>
    <cellStyle name="Millares 81 3" xfId="1161" xr:uid="{00000000-0005-0000-0000-000088040000}"/>
    <cellStyle name="Millares 82" xfId="1162" xr:uid="{00000000-0005-0000-0000-000089040000}"/>
    <cellStyle name="Millares 82 2" xfId="1163" xr:uid="{00000000-0005-0000-0000-00008A040000}"/>
    <cellStyle name="Millares 82 2 2" xfId="1164" xr:uid="{00000000-0005-0000-0000-00008B040000}"/>
    <cellStyle name="Millares 82 3" xfId="1165" xr:uid="{00000000-0005-0000-0000-00008C040000}"/>
    <cellStyle name="Millares 83" xfId="1166" xr:uid="{00000000-0005-0000-0000-00008D040000}"/>
    <cellStyle name="Millares 83 2" xfId="1167" xr:uid="{00000000-0005-0000-0000-00008E040000}"/>
    <cellStyle name="Millares 83 3" xfId="1168" xr:uid="{00000000-0005-0000-0000-00008F040000}"/>
    <cellStyle name="Millares 84" xfId="1169" xr:uid="{00000000-0005-0000-0000-000090040000}"/>
    <cellStyle name="Millares 84 2" xfId="1170" xr:uid="{00000000-0005-0000-0000-000091040000}"/>
    <cellStyle name="Millares 84 3" xfId="1171" xr:uid="{00000000-0005-0000-0000-000092040000}"/>
    <cellStyle name="Millares 85" xfId="1172" xr:uid="{00000000-0005-0000-0000-000093040000}"/>
    <cellStyle name="Millares 85 2" xfId="1173" xr:uid="{00000000-0005-0000-0000-000094040000}"/>
    <cellStyle name="Millares 85 3" xfId="1174" xr:uid="{00000000-0005-0000-0000-000095040000}"/>
    <cellStyle name="Millares 86" xfId="1175" xr:uid="{00000000-0005-0000-0000-000096040000}"/>
    <cellStyle name="Millares 86 2" xfId="1176" xr:uid="{00000000-0005-0000-0000-000097040000}"/>
    <cellStyle name="Millares 86 3" xfId="1177" xr:uid="{00000000-0005-0000-0000-000098040000}"/>
    <cellStyle name="Millares 87" xfId="1178" xr:uid="{00000000-0005-0000-0000-000099040000}"/>
    <cellStyle name="Millares 87 2" xfId="1179" xr:uid="{00000000-0005-0000-0000-00009A040000}"/>
    <cellStyle name="Millares 87 3" xfId="1180" xr:uid="{00000000-0005-0000-0000-00009B040000}"/>
    <cellStyle name="Millares 88" xfId="1181" xr:uid="{00000000-0005-0000-0000-00009C040000}"/>
    <cellStyle name="Millares 88 2" xfId="1182" xr:uid="{00000000-0005-0000-0000-00009D040000}"/>
    <cellStyle name="Millares 88 3" xfId="1183" xr:uid="{00000000-0005-0000-0000-00009E040000}"/>
    <cellStyle name="Millares 89" xfId="1184" xr:uid="{00000000-0005-0000-0000-00009F040000}"/>
    <cellStyle name="Millares 89 2" xfId="1185" xr:uid="{00000000-0005-0000-0000-0000A0040000}"/>
    <cellStyle name="Millares 89 3" xfId="1186" xr:uid="{00000000-0005-0000-0000-0000A1040000}"/>
    <cellStyle name="Millares 9" xfId="1187" xr:uid="{00000000-0005-0000-0000-0000A2040000}"/>
    <cellStyle name="Millares 9 2" xfId="1188" xr:uid="{00000000-0005-0000-0000-0000A3040000}"/>
    <cellStyle name="Millares 9 2 2" xfId="1189" xr:uid="{00000000-0005-0000-0000-0000A4040000}"/>
    <cellStyle name="Millares 9 2 2 2" xfId="1190" xr:uid="{00000000-0005-0000-0000-0000A5040000}"/>
    <cellStyle name="Millares 9 2 2 3" xfId="1191" xr:uid="{00000000-0005-0000-0000-0000A6040000}"/>
    <cellStyle name="Millares 9 3" xfId="1192" xr:uid="{00000000-0005-0000-0000-0000A7040000}"/>
    <cellStyle name="Millares 9 3 2" xfId="1193" xr:uid="{00000000-0005-0000-0000-0000A8040000}"/>
    <cellStyle name="Millares 9 3 3" xfId="1194" xr:uid="{00000000-0005-0000-0000-0000A9040000}"/>
    <cellStyle name="Millares 9 4" xfId="1195" xr:uid="{00000000-0005-0000-0000-0000AA040000}"/>
    <cellStyle name="Millares 9 5" xfId="1196" xr:uid="{00000000-0005-0000-0000-0000AB040000}"/>
    <cellStyle name="Millares 90" xfId="1197" xr:uid="{00000000-0005-0000-0000-0000AC040000}"/>
    <cellStyle name="Millares 90 2" xfId="1198" xr:uid="{00000000-0005-0000-0000-0000AD040000}"/>
    <cellStyle name="Millares 90 3" xfId="1199" xr:uid="{00000000-0005-0000-0000-0000AE040000}"/>
    <cellStyle name="Millares 91" xfId="1200" xr:uid="{00000000-0005-0000-0000-0000AF040000}"/>
    <cellStyle name="Millares 91 2" xfId="1201" xr:uid="{00000000-0005-0000-0000-0000B0040000}"/>
    <cellStyle name="Millares 91 3" xfId="1202" xr:uid="{00000000-0005-0000-0000-0000B1040000}"/>
    <cellStyle name="Millares 92" xfId="1203" xr:uid="{00000000-0005-0000-0000-0000B2040000}"/>
    <cellStyle name="Millares 92 2" xfId="1204" xr:uid="{00000000-0005-0000-0000-0000B3040000}"/>
    <cellStyle name="Millares 92 3" xfId="1205" xr:uid="{00000000-0005-0000-0000-0000B4040000}"/>
    <cellStyle name="Millares 93" xfId="1206" xr:uid="{00000000-0005-0000-0000-0000B5040000}"/>
    <cellStyle name="Millares 93 2" xfId="1207" xr:uid="{00000000-0005-0000-0000-0000B6040000}"/>
    <cellStyle name="Millares 93 3" xfId="1208" xr:uid="{00000000-0005-0000-0000-0000B7040000}"/>
    <cellStyle name="Millares 94" xfId="1209" xr:uid="{00000000-0005-0000-0000-0000B8040000}"/>
    <cellStyle name="Millares 94 2" xfId="1210" xr:uid="{00000000-0005-0000-0000-0000B9040000}"/>
    <cellStyle name="Millares 94 3" xfId="1211" xr:uid="{00000000-0005-0000-0000-0000BA040000}"/>
    <cellStyle name="Millares 95" xfId="1212" xr:uid="{00000000-0005-0000-0000-0000BB040000}"/>
    <cellStyle name="Millares 95 2" xfId="1213" xr:uid="{00000000-0005-0000-0000-0000BC040000}"/>
    <cellStyle name="Millares 95 3" xfId="1214" xr:uid="{00000000-0005-0000-0000-0000BD040000}"/>
    <cellStyle name="Millares 96" xfId="1215" xr:uid="{00000000-0005-0000-0000-0000BE040000}"/>
    <cellStyle name="Millares 97" xfId="1216" xr:uid="{00000000-0005-0000-0000-0000BF040000}"/>
    <cellStyle name="Millares 97 2" xfId="1217" xr:uid="{00000000-0005-0000-0000-0000C0040000}"/>
    <cellStyle name="Millares 98" xfId="1218" xr:uid="{00000000-0005-0000-0000-0000C1040000}"/>
    <cellStyle name="Millares 99" xfId="1219" xr:uid="{00000000-0005-0000-0000-0000C2040000}"/>
    <cellStyle name="Millares_Hoja1 2 2" xfId="1220" xr:uid="{00000000-0005-0000-0000-0000C3040000}"/>
    <cellStyle name="Moneda 2" xfId="1221" xr:uid="{00000000-0005-0000-0000-0000C4040000}"/>
    <cellStyle name="Moneda 2 10" xfId="1222" xr:uid="{00000000-0005-0000-0000-0000C5040000}"/>
    <cellStyle name="Moneda 2 11" xfId="1223" xr:uid="{00000000-0005-0000-0000-0000C6040000}"/>
    <cellStyle name="Moneda 2 12" xfId="1224" xr:uid="{00000000-0005-0000-0000-0000C7040000}"/>
    <cellStyle name="Moneda 2 13" xfId="1225" xr:uid="{00000000-0005-0000-0000-0000C8040000}"/>
    <cellStyle name="Moneda 2 14" xfId="1226" xr:uid="{00000000-0005-0000-0000-0000C9040000}"/>
    <cellStyle name="Moneda 2 15" xfId="1227" xr:uid="{00000000-0005-0000-0000-0000CA040000}"/>
    <cellStyle name="Moneda 2 16" xfId="1228" xr:uid="{00000000-0005-0000-0000-0000CB040000}"/>
    <cellStyle name="Moneda 2 17" xfId="1229" xr:uid="{00000000-0005-0000-0000-0000CC040000}"/>
    <cellStyle name="Moneda 2 18" xfId="1230" xr:uid="{00000000-0005-0000-0000-0000CD040000}"/>
    <cellStyle name="Moneda 2 19" xfId="1231" xr:uid="{00000000-0005-0000-0000-0000CE040000}"/>
    <cellStyle name="Moneda 2 2" xfId="1232" xr:uid="{00000000-0005-0000-0000-0000CF040000}"/>
    <cellStyle name="Moneda 2 20" xfId="1233" xr:uid="{00000000-0005-0000-0000-0000D0040000}"/>
    <cellStyle name="Moneda 2 21" xfId="1234" xr:uid="{00000000-0005-0000-0000-0000D1040000}"/>
    <cellStyle name="Moneda 2 22" xfId="1235" xr:uid="{00000000-0005-0000-0000-0000D2040000}"/>
    <cellStyle name="Moneda 2 23" xfId="1236" xr:uid="{00000000-0005-0000-0000-0000D3040000}"/>
    <cellStyle name="Moneda 2 24" xfId="1237" xr:uid="{00000000-0005-0000-0000-0000D4040000}"/>
    <cellStyle name="Moneda 2 25" xfId="1238" xr:uid="{00000000-0005-0000-0000-0000D5040000}"/>
    <cellStyle name="Moneda 2 26" xfId="1239" xr:uid="{00000000-0005-0000-0000-0000D6040000}"/>
    <cellStyle name="Moneda 2 27" xfId="1240" xr:uid="{00000000-0005-0000-0000-0000D7040000}"/>
    <cellStyle name="Moneda 2 28" xfId="1241" xr:uid="{00000000-0005-0000-0000-0000D8040000}"/>
    <cellStyle name="Moneda 2 29" xfId="1242" xr:uid="{00000000-0005-0000-0000-0000D9040000}"/>
    <cellStyle name="Moneda 2 3" xfId="1243" xr:uid="{00000000-0005-0000-0000-0000DA040000}"/>
    <cellStyle name="Moneda 2 30" xfId="1244" xr:uid="{00000000-0005-0000-0000-0000DB040000}"/>
    <cellStyle name="Moneda 2 31" xfId="1245" xr:uid="{00000000-0005-0000-0000-0000DC040000}"/>
    <cellStyle name="Moneda 2 32" xfId="1246" xr:uid="{00000000-0005-0000-0000-0000DD040000}"/>
    <cellStyle name="Moneda 2 33" xfId="1247" xr:uid="{00000000-0005-0000-0000-0000DE040000}"/>
    <cellStyle name="Moneda 2 4" xfId="1248" xr:uid="{00000000-0005-0000-0000-0000DF040000}"/>
    <cellStyle name="Moneda 2 5" xfId="1249" xr:uid="{00000000-0005-0000-0000-0000E0040000}"/>
    <cellStyle name="Moneda 2 6" xfId="1250" xr:uid="{00000000-0005-0000-0000-0000E1040000}"/>
    <cellStyle name="Moneda 2 7" xfId="1251" xr:uid="{00000000-0005-0000-0000-0000E2040000}"/>
    <cellStyle name="Moneda 2 8" xfId="1252" xr:uid="{00000000-0005-0000-0000-0000E3040000}"/>
    <cellStyle name="Moneda 2 9" xfId="1253" xr:uid="{00000000-0005-0000-0000-0000E4040000}"/>
    <cellStyle name="Normal" xfId="0" builtinId="0"/>
    <cellStyle name="Normal 10" xfId="1254" xr:uid="{00000000-0005-0000-0000-0000E6040000}"/>
    <cellStyle name="Normal 11" xfId="1255" xr:uid="{00000000-0005-0000-0000-0000E7040000}"/>
    <cellStyle name="Normal 12" xfId="1256" xr:uid="{00000000-0005-0000-0000-0000E8040000}"/>
    <cellStyle name="Normal 13" xfId="1257" xr:uid="{00000000-0005-0000-0000-0000E9040000}"/>
    <cellStyle name="Normal 13 2" xfId="1258" xr:uid="{00000000-0005-0000-0000-0000EA040000}"/>
    <cellStyle name="Normal 13 2 2" xfId="1259" xr:uid="{00000000-0005-0000-0000-0000EB040000}"/>
    <cellStyle name="Normal 13 3" xfId="1260" xr:uid="{00000000-0005-0000-0000-0000EC040000}"/>
    <cellStyle name="Normal 13 3 2" xfId="1261" xr:uid="{00000000-0005-0000-0000-0000ED040000}"/>
    <cellStyle name="Normal 13 4" xfId="1262" xr:uid="{00000000-0005-0000-0000-0000EE040000}"/>
    <cellStyle name="Normal 13 4 2" xfId="1263" xr:uid="{00000000-0005-0000-0000-0000EF040000}"/>
    <cellStyle name="Normal 13 5" xfId="1264" xr:uid="{00000000-0005-0000-0000-0000F0040000}"/>
    <cellStyle name="Normal 14" xfId="1265" xr:uid="{00000000-0005-0000-0000-0000F1040000}"/>
    <cellStyle name="Normal 14 2" xfId="1266" xr:uid="{00000000-0005-0000-0000-0000F2040000}"/>
    <cellStyle name="Normal 14 2 2" xfId="1267" xr:uid="{00000000-0005-0000-0000-0000F3040000}"/>
    <cellStyle name="Normal 14 2 2 2" xfId="1268" xr:uid="{00000000-0005-0000-0000-0000F4040000}"/>
    <cellStyle name="Normal 14 2 3" xfId="1269" xr:uid="{00000000-0005-0000-0000-0000F5040000}"/>
    <cellStyle name="Normal 14 3" xfId="1270" xr:uid="{00000000-0005-0000-0000-0000F6040000}"/>
    <cellStyle name="Normal 15" xfId="1271" xr:uid="{00000000-0005-0000-0000-0000F7040000}"/>
    <cellStyle name="Normal 16" xfId="1272" xr:uid="{00000000-0005-0000-0000-0000F8040000}"/>
    <cellStyle name="Normal 17 2" xfId="1273" xr:uid="{00000000-0005-0000-0000-0000F9040000}"/>
    <cellStyle name="Normal 18 2" xfId="1274" xr:uid="{00000000-0005-0000-0000-0000FA040000}"/>
    <cellStyle name="Normal 18 2 2" xfId="1275" xr:uid="{00000000-0005-0000-0000-0000FB040000}"/>
    <cellStyle name="Normal 18 2 2 2" xfId="1276" xr:uid="{00000000-0005-0000-0000-0000FC040000}"/>
    <cellStyle name="Normal 18 2 3" xfId="1277" xr:uid="{00000000-0005-0000-0000-0000FD040000}"/>
    <cellStyle name="Normal 18 3" xfId="1278" xr:uid="{00000000-0005-0000-0000-0000FE040000}"/>
    <cellStyle name="Normal 19 2" xfId="1279" xr:uid="{00000000-0005-0000-0000-0000FF040000}"/>
    <cellStyle name="Normal 2" xfId="1280" xr:uid="{00000000-0005-0000-0000-000000050000}"/>
    <cellStyle name="Normal 2 10" xfId="1281" xr:uid="{00000000-0005-0000-0000-000001050000}"/>
    <cellStyle name="Normal 2 11" xfId="1282" xr:uid="{00000000-0005-0000-0000-000002050000}"/>
    <cellStyle name="Normal 2 12" xfId="1283" xr:uid="{00000000-0005-0000-0000-000003050000}"/>
    <cellStyle name="Normal 2 13" xfId="1284" xr:uid="{00000000-0005-0000-0000-000004050000}"/>
    <cellStyle name="Normal 2 14" xfId="1285" xr:uid="{00000000-0005-0000-0000-000005050000}"/>
    <cellStyle name="Normal 2 15" xfId="1286" xr:uid="{00000000-0005-0000-0000-000006050000}"/>
    <cellStyle name="Normal 2 16" xfId="1287" xr:uid="{00000000-0005-0000-0000-000007050000}"/>
    <cellStyle name="Normal 2 17" xfId="1288" xr:uid="{00000000-0005-0000-0000-000008050000}"/>
    <cellStyle name="Normal 2 18" xfId="1289" xr:uid="{00000000-0005-0000-0000-000009050000}"/>
    <cellStyle name="Normal 2 19" xfId="1290" xr:uid="{00000000-0005-0000-0000-00000A050000}"/>
    <cellStyle name="Normal 2 2" xfId="1291" xr:uid="{00000000-0005-0000-0000-00000B050000}"/>
    <cellStyle name="Normal 2 2 2" xfId="1292" xr:uid="{00000000-0005-0000-0000-00000C050000}"/>
    <cellStyle name="Normal 2 2 2 2" xfId="1293" xr:uid="{00000000-0005-0000-0000-00000D050000}"/>
    <cellStyle name="Normal 2 2 3" xfId="1294" xr:uid="{00000000-0005-0000-0000-00000E050000}"/>
    <cellStyle name="Normal 2 20" xfId="1295" xr:uid="{00000000-0005-0000-0000-00000F050000}"/>
    <cellStyle name="Normal 2 21" xfId="1296" xr:uid="{00000000-0005-0000-0000-000010050000}"/>
    <cellStyle name="Normal 2 22" xfId="1297" xr:uid="{00000000-0005-0000-0000-000011050000}"/>
    <cellStyle name="Normal 2 23" xfId="1298" xr:uid="{00000000-0005-0000-0000-000012050000}"/>
    <cellStyle name="Normal 2 24" xfId="1299" xr:uid="{00000000-0005-0000-0000-000013050000}"/>
    <cellStyle name="Normal 2 25" xfId="1300" xr:uid="{00000000-0005-0000-0000-000014050000}"/>
    <cellStyle name="Normal 2 26" xfId="1301" xr:uid="{00000000-0005-0000-0000-000015050000}"/>
    <cellStyle name="Normal 2 27" xfId="1302" xr:uid="{00000000-0005-0000-0000-000016050000}"/>
    <cellStyle name="Normal 2 28" xfId="1303" xr:uid="{00000000-0005-0000-0000-000017050000}"/>
    <cellStyle name="Normal 2 29" xfId="1304" xr:uid="{00000000-0005-0000-0000-000018050000}"/>
    <cellStyle name="Normal 2 3" xfId="1305" xr:uid="{00000000-0005-0000-0000-000019050000}"/>
    <cellStyle name="Normal 2 3 2" xfId="1306" xr:uid="{00000000-0005-0000-0000-00001A050000}"/>
    <cellStyle name="Normal 2 3 2 2" xfId="1307" xr:uid="{00000000-0005-0000-0000-00001B050000}"/>
    <cellStyle name="Normal 2 3 2 2 2" xfId="1308" xr:uid="{00000000-0005-0000-0000-00001C050000}"/>
    <cellStyle name="Normal 2 3 2 3" xfId="1309" xr:uid="{00000000-0005-0000-0000-00001D050000}"/>
    <cellStyle name="Normal 2 30" xfId="1310" xr:uid="{00000000-0005-0000-0000-00001E050000}"/>
    <cellStyle name="Normal 2 31" xfId="1311" xr:uid="{00000000-0005-0000-0000-00001F050000}"/>
    <cellStyle name="Normal 2 32" xfId="1312" xr:uid="{00000000-0005-0000-0000-000020050000}"/>
    <cellStyle name="Normal 2 33" xfId="1313" xr:uid="{00000000-0005-0000-0000-000021050000}"/>
    <cellStyle name="Normal 2 34" xfId="1314" xr:uid="{00000000-0005-0000-0000-000022050000}"/>
    <cellStyle name="Normal 2 4" xfId="1315" xr:uid="{00000000-0005-0000-0000-000023050000}"/>
    <cellStyle name="Normal 2 4 2" xfId="1316" xr:uid="{00000000-0005-0000-0000-000024050000}"/>
    <cellStyle name="Normal 2 4 3" xfId="1317" xr:uid="{00000000-0005-0000-0000-000025050000}"/>
    <cellStyle name="Normal 2 5" xfId="1318" xr:uid="{00000000-0005-0000-0000-000026050000}"/>
    <cellStyle name="Normal 2 6" xfId="1319" xr:uid="{00000000-0005-0000-0000-000027050000}"/>
    <cellStyle name="Normal 2 7" xfId="1320" xr:uid="{00000000-0005-0000-0000-000028050000}"/>
    <cellStyle name="Normal 2 8" xfId="1321" xr:uid="{00000000-0005-0000-0000-000029050000}"/>
    <cellStyle name="Normal 2 9" xfId="1322" xr:uid="{00000000-0005-0000-0000-00002A050000}"/>
    <cellStyle name="Normal 2_FG02-2 MATRIZ POR MES" xfId="1323" xr:uid="{00000000-0005-0000-0000-00002B050000}"/>
    <cellStyle name="Normal 20" xfId="1324" xr:uid="{00000000-0005-0000-0000-00002C050000}"/>
    <cellStyle name="Normal 20 2" xfId="1325" xr:uid="{00000000-0005-0000-0000-00002D050000}"/>
    <cellStyle name="Normal 21" xfId="1326" xr:uid="{00000000-0005-0000-0000-00002E050000}"/>
    <cellStyle name="Normal 21 2" xfId="1327" xr:uid="{00000000-0005-0000-0000-00002F050000}"/>
    <cellStyle name="Normal 22" xfId="1328" xr:uid="{00000000-0005-0000-0000-000030050000}"/>
    <cellStyle name="Normal 22 2" xfId="1329" xr:uid="{00000000-0005-0000-0000-000031050000}"/>
    <cellStyle name="Normal 23" xfId="1330" xr:uid="{00000000-0005-0000-0000-000032050000}"/>
    <cellStyle name="Normal 24" xfId="1331" xr:uid="{00000000-0005-0000-0000-000033050000}"/>
    <cellStyle name="Normal 25" xfId="1332" xr:uid="{00000000-0005-0000-0000-000034050000}"/>
    <cellStyle name="Normal 26" xfId="1333" xr:uid="{00000000-0005-0000-0000-000035050000}"/>
    <cellStyle name="Normal 27" xfId="1334" xr:uid="{00000000-0005-0000-0000-000036050000}"/>
    <cellStyle name="Normal 27 2" xfId="1335" xr:uid="{00000000-0005-0000-0000-000037050000}"/>
    <cellStyle name="Normal 28" xfId="1336" xr:uid="{00000000-0005-0000-0000-000038050000}"/>
    <cellStyle name="Normal 28 2" xfId="1337" xr:uid="{00000000-0005-0000-0000-000039050000}"/>
    <cellStyle name="Normal 29" xfId="1338" xr:uid="{00000000-0005-0000-0000-00003A050000}"/>
    <cellStyle name="Normal 29 2" xfId="1339" xr:uid="{00000000-0005-0000-0000-00003B050000}"/>
    <cellStyle name="Normal 3" xfId="1340" xr:uid="{00000000-0005-0000-0000-00003C050000}"/>
    <cellStyle name="Normal 3 10" xfId="1341" xr:uid="{00000000-0005-0000-0000-00003D050000}"/>
    <cellStyle name="Normal 3 11" xfId="1342" xr:uid="{00000000-0005-0000-0000-00003E050000}"/>
    <cellStyle name="Normal 3 12" xfId="1343" xr:uid="{00000000-0005-0000-0000-00003F050000}"/>
    <cellStyle name="Normal 3 13" xfId="1344" xr:uid="{00000000-0005-0000-0000-000040050000}"/>
    <cellStyle name="Normal 3 14" xfId="1345" xr:uid="{00000000-0005-0000-0000-000041050000}"/>
    <cellStyle name="Normal 3 15" xfId="1346" xr:uid="{00000000-0005-0000-0000-000042050000}"/>
    <cellStyle name="Normal 3 16" xfId="1347" xr:uid="{00000000-0005-0000-0000-000043050000}"/>
    <cellStyle name="Normal 3 17" xfId="1348" xr:uid="{00000000-0005-0000-0000-000044050000}"/>
    <cellStyle name="Normal 3 18" xfId="1349" xr:uid="{00000000-0005-0000-0000-000045050000}"/>
    <cellStyle name="Normal 3 19" xfId="1350" xr:uid="{00000000-0005-0000-0000-000046050000}"/>
    <cellStyle name="Normal 3 2" xfId="1351" xr:uid="{00000000-0005-0000-0000-000047050000}"/>
    <cellStyle name="Normal 3 2 2" xfId="1352" xr:uid="{00000000-0005-0000-0000-000048050000}"/>
    <cellStyle name="Normal 3 20" xfId="1353" xr:uid="{00000000-0005-0000-0000-000049050000}"/>
    <cellStyle name="Normal 3 21" xfId="1354" xr:uid="{00000000-0005-0000-0000-00004A050000}"/>
    <cellStyle name="Normal 3 22" xfId="1355" xr:uid="{00000000-0005-0000-0000-00004B050000}"/>
    <cellStyle name="Normal 3 23" xfId="1356" xr:uid="{00000000-0005-0000-0000-00004C050000}"/>
    <cellStyle name="Normal 3 24" xfId="1357" xr:uid="{00000000-0005-0000-0000-00004D050000}"/>
    <cellStyle name="Normal 3 25" xfId="1358" xr:uid="{00000000-0005-0000-0000-00004E050000}"/>
    <cellStyle name="Normal 3 26" xfId="1359" xr:uid="{00000000-0005-0000-0000-00004F050000}"/>
    <cellStyle name="Normal 3 27" xfId="1360" xr:uid="{00000000-0005-0000-0000-000050050000}"/>
    <cellStyle name="Normal 3 28" xfId="1361" xr:uid="{00000000-0005-0000-0000-000051050000}"/>
    <cellStyle name="Normal 3 29" xfId="1362" xr:uid="{00000000-0005-0000-0000-000052050000}"/>
    <cellStyle name="Normal 3 3" xfId="1363" xr:uid="{00000000-0005-0000-0000-000053050000}"/>
    <cellStyle name="Normal 3 30" xfId="1364" xr:uid="{00000000-0005-0000-0000-000054050000}"/>
    <cellStyle name="Normal 3 31" xfId="1365" xr:uid="{00000000-0005-0000-0000-000055050000}"/>
    <cellStyle name="Normal 3 32" xfId="1366" xr:uid="{00000000-0005-0000-0000-000056050000}"/>
    <cellStyle name="Normal 3 33" xfId="1367" xr:uid="{00000000-0005-0000-0000-000057050000}"/>
    <cellStyle name="Normal 3 34" xfId="1368" xr:uid="{00000000-0005-0000-0000-000058050000}"/>
    <cellStyle name="Normal 3 35" xfId="1369" xr:uid="{00000000-0005-0000-0000-000059050000}"/>
    <cellStyle name="Normal 3 36" xfId="1370" xr:uid="{00000000-0005-0000-0000-00005A050000}"/>
    <cellStyle name="Normal 3 37" xfId="1371" xr:uid="{00000000-0005-0000-0000-00005B050000}"/>
    <cellStyle name="Normal 3 38" xfId="1372" xr:uid="{00000000-0005-0000-0000-00005C050000}"/>
    <cellStyle name="Normal 3 39" xfId="1373" xr:uid="{00000000-0005-0000-0000-00005D050000}"/>
    <cellStyle name="Normal 3 4" xfId="1374" xr:uid="{00000000-0005-0000-0000-00005E050000}"/>
    <cellStyle name="Normal 3 40" xfId="1375" xr:uid="{00000000-0005-0000-0000-00005F050000}"/>
    <cellStyle name="Normal 3 41" xfId="1376" xr:uid="{00000000-0005-0000-0000-000060050000}"/>
    <cellStyle name="Normal 3 42" xfId="1377" xr:uid="{00000000-0005-0000-0000-000061050000}"/>
    <cellStyle name="Normal 3 43" xfId="1378" xr:uid="{00000000-0005-0000-0000-000062050000}"/>
    <cellStyle name="Normal 3 44" xfId="1379" xr:uid="{00000000-0005-0000-0000-000063050000}"/>
    <cellStyle name="Normal 3 45" xfId="1380" xr:uid="{00000000-0005-0000-0000-000064050000}"/>
    <cellStyle name="Normal 3 46" xfId="1381" xr:uid="{00000000-0005-0000-0000-000065050000}"/>
    <cellStyle name="Normal 3 47" xfId="1382" xr:uid="{00000000-0005-0000-0000-000066050000}"/>
    <cellStyle name="Normal 3 48" xfId="1383" xr:uid="{00000000-0005-0000-0000-000067050000}"/>
    <cellStyle name="Normal 3 49" xfId="1384" xr:uid="{00000000-0005-0000-0000-000068050000}"/>
    <cellStyle name="Normal 3 5" xfId="1385" xr:uid="{00000000-0005-0000-0000-000069050000}"/>
    <cellStyle name="Normal 3 50" xfId="1386" xr:uid="{00000000-0005-0000-0000-00006A050000}"/>
    <cellStyle name="Normal 3 51" xfId="1387" xr:uid="{00000000-0005-0000-0000-00006B050000}"/>
    <cellStyle name="Normal 3 52" xfId="1388" xr:uid="{00000000-0005-0000-0000-00006C050000}"/>
    <cellStyle name="Normal 3 53" xfId="1389" xr:uid="{00000000-0005-0000-0000-00006D050000}"/>
    <cellStyle name="Normal 3 54" xfId="1390" xr:uid="{00000000-0005-0000-0000-00006E050000}"/>
    <cellStyle name="Normal 3 55" xfId="1391" xr:uid="{00000000-0005-0000-0000-00006F050000}"/>
    <cellStyle name="Normal 3 56" xfId="1392" xr:uid="{00000000-0005-0000-0000-000070050000}"/>
    <cellStyle name="Normal 3 57" xfId="1393" xr:uid="{00000000-0005-0000-0000-000071050000}"/>
    <cellStyle name="Normal 3 58" xfId="1394" xr:uid="{00000000-0005-0000-0000-000072050000}"/>
    <cellStyle name="Normal 3 59" xfId="1395" xr:uid="{00000000-0005-0000-0000-000073050000}"/>
    <cellStyle name="Normal 3 6" xfId="1396" xr:uid="{00000000-0005-0000-0000-000074050000}"/>
    <cellStyle name="Normal 3 60" xfId="1397" xr:uid="{00000000-0005-0000-0000-000075050000}"/>
    <cellStyle name="Normal 3 61" xfId="1398" xr:uid="{00000000-0005-0000-0000-000076050000}"/>
    <cellStyle name="Normal 3 7" xfId="1399" xr:uid="{00000000-0005-0000-0000-000077050000}"/>
    <cellStyle name="Normal 3 8" xfId="1400" xr:uid="{00000000-0005-0000-0000-000078050000}"/>
    <cellStyle name="Normal 3 9" xfId="1401" xr:uid="{00000000-0005-0000-0000-000079050000}"/>
    <cellStyle name="Normal 30" xfId="1402" xr:uid="{00000000-0005-0000-0000-00007A050000}"/>
    <cellStyle name="Normal 31" xfId="1403" xr:uid="{00000000-0005-0000-0000-00007B050000}"/>
    <cellStyle name="Normal 31 2" xfId="1404" xr:uid="{00000000-0005-0000-0000-00007C050000}"/>
    <cellStyle name="Normal 32" xfId="1405" xr:uid="{00000000-0005-0000-0000-00007D050000}"/>
    <cellStyle name="Normal 32 2" xfId="1406" xr:uid="{00000000-0005-0000-0000-00007E050000}"/>
    <cellStyle name="Normal 33" xfId="1407" xr:uid="{00000000-0005-0000-0000-00007F050000}"/>
    <cellStyle name="Normal 34" xfId="1408" xr:uid="{00000000-0005-0000-0000-000080050000}"/>
    <cellStyle name="Normal 35" xfId="1409" xr:uid="{00000000-0005-0000-0000-000081050000}"/>
    <cellStyle name="Normal 35 2" xfId="1410" xr:uid="{00000000-0005-0000-0000-000082050000}"/>
    <cellStyle name="Normal 36" xfId="1411" xr:uid="{00000000-0005-0000-0000-000083050000}"/>
    <cellStyle name="Normal 36 2" xfId="1412" xr:uid="{00000000-0005-0000-0000-000084050000}"/>
    <cellStyle name="Normal 37" xfId="1413" xr:uid="{00000000-0005-0000-0000-000085050000}"/>
    <cellStyle name="Normal 37 2" xfId="1414" xr:uid="{00000000-0005-0000-0000-000086050000}"/>
    <cellStyle name="Normal 38" xfId="1415" xr:uid="{00000000-0005-0000-0000-000087050000}"/>
    <cellStyle name="Normal 38 2" xfId="1416" xr:uid="{00000000-0005-0000-0000-000088050000}"/>
    <cellStyle name="Normal 39" xfId="1417" xr:uid="{00000000-0005-0000-0000-000089050000}"/>
    <cellStyle name="Normal 39 2" xfId="1418" xr:uid="{00000000-0005-0000-0000-00008A050000}"/>
    <cellStyle name="Normal 4" xfId="1419" xr:uid="{00000000-0005-0000-0000-00008B050000}"/>
    <cellStyle name="Normal 4 10" xfId="1420" xr:uid="{00000000-0005-0000-0000-00008C050000}"/>
    <cellStyle name="Normal 4 11" xfId="1421" xr:uid="{00000000-0005-0000-0000-00008D050000}"/>
    <cellStyle name="Normal 4 12" xfId="1422" xr:uid="{00000000-0005-0000-0000-00008E050000}"/>
    <cellStyle name="Normal 4 13" xfId="1423" xr:uid="{00000000-0005-0000-0000-00008F050000}"/>
    <cellStyle name="Normal 4 14" xfId="1424" xr:uid="{00000000-0005-0000-0000-000090050000}"/>
    <cellStyle name="Normal 4 15" xfId="1425" xr:uid="{00000000-0005-0000-0000-000091050000}"/>
    <cellStyle name="Normal 4 16" xfId="1426" xr:uid="{00000000-0005-0000-0000-000092050000}"/>
    <cellStyle name="Normal 4 17" xfId="1427" xr:uid="{00000000-0005-0000-0000-000093050000}"/>
    <cellStyle name="Normal 4 18" xfId="1428" xr:uid="{00000000-0005-0000-0000-000094050000}"/>
    <cellStyle name="Normal 4 19" xfId="1429" xr:uid="{00000000-0005-0000-0000-000095050000}"/>
    <cellStyle name="Normal 4 2" xfId="1430" xr:uid="{00000000-0005-0000-0000-000096050000}"/>
    <cellStyle name="Normal 4 2 2" xfId="1431" xr:uid="{00000000-0005-0000-0000-000097050000}"/>
    <cellStyle name="Normal 4 2 2 2" xfId="1432" xr:uid="{00000000-0005-0000-0000-000098050000}"/>
    <cellStyle name="Normal 4 2 2 2 2" xfId="1433" xr:uid="{00000000-0005-0000-0000-000099050000}"/>
    <cellStyle name="Normal 4 2 2 2 2 2" xfId="1434" xr:uid="{00000000-0005-0000-0000-00009A050000}"/>
    <cellStyle name="Normal 4 2 2 2 3" xfId="1435" xr:uid="{00000000-0005-0000-0000-00009B050000}"/>
    <cellStyle name="Normal 4 2 2 3" xfId="1436" xr:uid="{00000000-0005-0000-0000-00009C050000}"/>
    <cellStyle name="Normal 4 2 2 3 2" xfId="1437" xr:uid="{00000000-0005-0000-0000-00009D050000}"/>
    <cellStyle name="Normal 4 2 2 4" xfId="1438" xr:uid="{00000000-0005-0000-0000-00009E050000}"/>
    <cellStyle name="Normal 4 2 3" xfId="1439" xr:uid="{00000000-0005-0000-0000-00009F050000}"/>
    <cellStyle name="Normal 4 2 3 2" xfId="1440" xr:uid="{00000000-0005-0000-0000-0000A0050000}"/>
    <cellStyle name="Normal 4 2 3 2 2" xfId="1441" xr:uid="{00000000-0005-0000-0000-0000A1050000}"/>
    <cellStyle name="Normal 4 2 3 3" xfId="1442" xr:uid="{00000000-0005-0000-0000-0000A2050000}"/>
    <cellStyle name="Normal 4 20" xfId="1443" xr:uid="{00000000-0005-0000-0000-0000A3050000}"/>
    <cellStyle name="Normal 4 21" xfId="1444" xr:uid="{00000000-0005-0000-0000-0000A4050000}"/>
    <cellStyle name="Normal 4 22" xfId="1445" xr:uid="{00000000-0005-0000-0000-0000A5050000}"/>
    <cellStyle name="Normal 4 23" xfId="1446" xr:uid="{00000000-0005-0000-0000-0000A6050000}"/>
    <cellStyle name="Normal 4 24" xfId="1447" xr:uid="{00000000-0005-0000-0000-0000A7050000}"/>
    <cellStyle name="Normal 4 25" xfId="1448" xr:uid="{00000000-0005-0000-0000-0000A8050000}"/>
    <cellStyle name="Normal 4 26" xfId="1449" xr:uid="{00000000-0005-0000-0000-0000A9050000}"/>
    <cellStyle name="Normal 4 27" xfId="1450" xr:uid="{00000000-0005-0000-0000-0000AA050000}"/>
    <cellStyle name="Normal 4 28" xfId="1451" xr:uid="{00000000-0005-0000-0000-0000AB050000}"/>
    <cellStyle name="Normal 4 29" xfId="1452" xr:uid="{00000000-0005-0000-0000-0000AC050000}"/>
    <cellStyle name="Normal 4 3" xfId="1453" xr:uid="{00000000-0005-0000-0000-0000AD050000}"/>
    <cellStyle name="Normal 4 30" xfId="1454" xr:uid="{00000000-0005-0000-0000-0000AE050000}"/>
    <cellStyle name="Normal 4 4" xfId="1455" xr:uid="{00000000-0005-0000-0000-0000AF050000}"/>
    <cellStyle name="Normal 4 5" xfId="1456" xr:uid="{00000000-0005-0000-0000-0000B0050000}"/>
    <cellStyle name="Normal 4 6" xfId="1457" xr:uid="{00000000-0005-0000-0000-0000B1050000}"/>
    <cellStyle name="Normal 4 7" xfId="1458" xr:uid="{00000000-0005-0000-0000-0000B2050000}"/>
    <cellStyle name="Normal 4 8" xfId="1459" xr:uid="{00000000-0005-0000-0000-0000B3050000}"/>
    <cellStyle name="Normal 4 9" xfId="1460" xr:uid="{00000000-0005-0000-0000-0000B4050000}"/>
    <cellStyle name="Normal 40" xfId="1461" xr:uid="{00000000-0005-0000-0000-0000B5050000}"/>
    <cellStyle name="Normal 40 2" xfId="1462" xr:uid="{00000000-0005-0000-0000-0000B6050000}"/>
    <cellStyle name="Normal 41" xfId="1463" xr:uid="{00000000-0005-0000-0000-0000B7050000}"/>
    <cellStyle name="Normal 41 2" xfId="1464" xr:uid="{00000000-0005-0000-0000-0000B8050000}"/>
    <cellStyle name="Normal 42" xfId="1465" xr:uid="{00000000-0005-0000-0000-0000B9050000}"/>
    <cellStyle name="Normal 43" xfId="1466" xr:uid="{00000000-0005-0000-0000-0000BA050000}"/>
    <cellStyle name="Normal 44" xfId="1467" xr:uid="{00000000-0005-0000-0000-0000BB050000}"/>
    <cellStyle name="Normal 45" xfId="1468" xr:uid="{00000000-0005-0000-0000-0000BC050000}"/>
    <cellStyle name="Normal 46" xfId="1469" xr:uid="{00000000-0005-0000-0000-0000BD050000}"/>
    <cellStyle name="Normal 47" xfId="1470" xr:uid="{00000000-0005-0000-0000-0000BE050000}"/>
    <cellStyle name="Normal 48" xfId="1471" xr:uid="{00000000-0005-0000-0000-0000BF050000}"/>
    <cellStyle name="Normal 49" xfId="1472" xr:uid="{00000000-0005-0000-0000-0000C0050000}"/>
    <cellStyle name="Normal 5" xfId="1473" xr:uid="{00000000-0005-0000-0000-0000C1050000}"/>
    <cellStyle name="Normal 5 10" xfId="1474" xr:uid="{00000000-0005-0000-0000-0000C2050000}"/>
    <cellStyle name="Normal 5 10 2" xfId="1475" xr:uid="{00000000-0005-0000-0000-0000C3050000}"/>
    <cellStyle name="Normal 5 10 2 2" xfId="1476" xr:uid="{00000000-0005-0000-0000-0000C4050000}"/>
    <cellStyle name="Normal 5 10 3" xfId="1477" xr:uid="{00000000-0005-0000-0000-0000C5050000}"/>
    <cellStyle name="Normal 5 11" xfId="1478" xr:uid="{00000000-0005-0000-0000-0000C6050000}"/>
    <cellStyle name="Normal 5 11 2" xfId="1479" xr:uid="{00000000-0005-0000-0000-0000C7050000}"/>
    <cellStyle name="Normal 5 11 2 2" xfId="1480" xr:uid="{00000000-0005-0000-0000-0000C8050000}"/>
    <cellStyle name="Normal 5 11 3" xfId="1481" xr:uid="{00000000-0005-0000-0000-0000C9050000}"/>
    <cellStyle name="Normal 5 12" xfId="1482" xr:uid="{00000000-0005-0000-0000-0000CA050000}"/>
    <cellStyle name="Normal 5 12 2" xfId="1483" xr:uid="{00000000-0005-0000-0000-0000CB050000}"/>
    <cellStyle name="Normal 5 12 2 2" xfId="1484" xr:uid="{00000000-0005-0000-0000-0000CC050000}"/>
    <cellStyle name="Normal 5 12 3" xfId="1485" xr:uid="{00000000-0005-0000-0000-0000CD050000}"/>
    <cellStyle name="Normal 5 13" xfId="1486" xr:uid="{00000000-0005-0000-0000-0000CE050000}"/>
    <cellStyle name="Normal 5 13 2" xfId="1487" xr:uid="{00000000-0005-0000-0000-0000CF050000}"/>
    <cellStyle name="Normal 5 13 2 2" xfId="1488" xr:uid="{00000000-0005-0000-0000-0000D0050000}"/>
    <cellStyle name="Normal 5 13 3" xfId="1489" xr:uid="{00000000-0005-0000-0000-0000D1050000}"/>
    <cellStyle name="Normal 5 14" xfId="1490" xr:uid="{00000000-0005-0000-0000-0000D2050000}"/>
    <cellStyle name="Normal 5 14 2" xfId="1491" xr:uid="{00000000-0005-0000-0000-0000D3050000}"/>
    <cellStyle name="Normal 5 14 2 2" xfId="1492" xr:uid="{00000000-0005-0000-0000-0000D4050000}"/>
    <cellStyle name="Normal 5 14 3" xfId="1493" xr:uid="{00000000-0005-0000-0000-0000D5050000}"/>
    <cellStyle name="Normal 5 15" xfId="1494" xr:uid="{00000000-0005-0000-0000-0000D6050000}"/>
    <cellStyle name="Normal 5 15 2" xfId="1495" xr:uid="{00000000-0005-0000-0000-0000D7050000}"/>
    <cellStyle name="Normal 5 15 2 2" xfId="1496" xr:uid="{00000000-0005-0000-0000-0000D8050000}"/>
    <cellStyle name="Normal 5 15 3" xfId="1497" xr:uid="{00000000-0005-0000-0000-0000D9050000}"/>
    <cellStyle name="Normal 5 16" xfId="1498" xr:uid="{00000000-0005-0000-0000-0000DA050000}"/>
    <cellStyle name="Normal 5 16 2" xfId="1499" xr:uid="{00000000-0005-0000-0000-0000DB050000}"/>
    <cellStyle name="Normal 5 16 2 2" xfId="1500" xr:uid="{00000000-0005-0000-0000-0000DC050000}"/>
    <cellStyle name="Normal 5 16 3" xfId="1501" xr:uid="{00000000-0005-0000-0000-0000DD050000}"/>
    <cellStyle name="Normal 5 17" xfId="1502" xr:uid="{00000000-0005-0000-0000-0000DE050000}"/>
    <cellStyle name="Normal 5 17 2" xfId="1503" xr:uid="{00000000-0005-0000-0000-0000DF050000}"/>
    <cellStyle name="Normal 5 17 2 2" xfId="1504" xr:uid="{00000000-0005-0000-0000-0000E0050000}"/>
    <cellStyle name="Normal 5 17 3" xfId="1505" xr:uid="{00000000-0005-0000-0000-0000E1050000}"/>
    <cellStyle name="Normal 5 18" xfId="1506" xr:uid="{00000000-0005-0000-0000-0000E2050000}"/>
    <cellStyle name="Normal 5 18 2" xfId="1507" xr:uid="{00000000-0005-0000-0000-0000E3050000}"/>
    <cellStyle name="Normal 5 18 2 2" xfId="1508" xr:uid="{00000000-0005-0000-0000-0000E4050000}"/>
    <cellStyle name="Normal 5 18 3" xfId="1509" xr:uid="{00000000-0005-0000-0000-0000E5050000}"/>
    <cellStyle name="Normal 5 19" xfId="1510" xr:uid="{00000000-0005-0000-0000-0000E6050000}"/>
    <cellStyle name="Normal 5 19 2" xfId="1511" xr:uid="{00000000-0005-0000-0000-0000E7050000}"/>
    <cellStyle name="Normal 5 19 2 2" xfId="1512" xr:uid="{00000000-0005-0000-0000-0000E8050000}"/>
    <cellStyle name="Normal 5 19 3" xfId="1513" xr:uid="{00000000-0005-0000-0000-0000E9050000}"/>
    <cellStyle name="Normal 5 2" xfId="1514" xr:uid="{00000000-0005-0000-0000-0000EA050000}"/>
    <cellStyle name="Normal 5 2 10" xfId="1515" xr:uid="{00000000-0005-0000-0000-0000EB050000}"/>
    <cellStyle name="Normal 5 2 11" xfId="1516" xr:uid="{00000000-0005-0000-0000-0000EC050000}"/>
    <cellStyle name="Normal 5 2 12" xfId="1517" xr:uid="{00000000-0005-0000-0000-0000ED050000}"/>
    <cellStyle name="Normal 5 2 13" xfId="1518" xr:uid="{00000000-0005-0000-0000-0000EE050000}"/>
    <cellStyle name="Normal 5 2 14" xfId="1519" xr:uid="{00000000-0005-0000-0000-0000EF050000}"/>
    <cellStyle name="Normal 5 2 15" xfId="1520" xr:uid="{00000000-0005-0000-0000-0000F0050000}"/>
    <cellStyle name="Normal 5 2 16" xfId="1521" xr:uid="{00000000-0005-0000-0000-0000F1050000}"/>
    <cellStyle name="Normal 5 2 17" xfId="1522" xr:uid="{00000000-0005-0000-0000-0000F2050000}"/>
    <cellStyle name="Normal 5 2 18" xfId="1523" xr:uid="{00000000-0005-0000-0000-0000F3050000}"/>
    <cellStyle name="Normal 5 2 19" xfId="1524" xr:uid="{00000000-0005-0000-0000-0000F4050000}"/>
    <cellStyle name="Normal 5 2 2" xfId="1525" xr:uid="{00000000-0005-0000-0000-0000F5050000}"/>
    <cellStyle name="Normal 5 2 20" xfId="1526" xr:uid="{00000000-0005-0000-0000-0000F6050000}"/>
    <cellStyle name="Normal 5 2 21" xfId="1527" xr:uid="{00000000-0005-0000-0000-0000F7050000}"/>
    <cellStyle name="Normal 5 2 22" xfId="1528" xr:uid="{00000000-0005-0000-0000-0000F8050000}"/>
    <cellStyle name="Normal 5 2 23" xfId="1529" xr:uid="{00000000-0005-0000-0000-0000F9050000}"/>
    <cellStyle name="Normal 5 2 24" xfId="1530" xr:uid="{00000000-0005-0000-0000-0000FA050000}"/>
    <cellStyle name="Normal 5 2 25" xfId="1531" xr:uid="{00000000-0005-0000-0000-0000FB050000}"/>
    <cellStyle name="Normal 5 2 26" xfId="1532" xr:uid="{00000000-0005-0000-0000-0000FC050000}"/>
    <cellStyle name="Normal 5 2 27" xfId="1533" xr:uid="{00000000-0005-0000-0000-0000FD050000}"/>
    <cellStyle name="Normal 5 2 28" xfId="1534" xr:uid="{00000000-0005-0000-0000-0000FE050000}"/>
    <cellStyle name="Normal 5 2 29" xfId="1535" xr:uid="{00000000-0005-0000-0000-0000FF050000}"/>
    <cellStyle name="Normal 5 2 3" xfId="1536" xr:uid="{00000000-0005-0000-0000-000000060000}"/>
    <cellStyle name="Normal 5 2 4" xfId="1537" xr:uid="{00000000-0005-0000-0000-000001060000}"/>
    <cellStyle name="Normal 5 2 5" xfId="1538" xr:uid="{00000000-0005-0000-0000-000002060000}"/>
    <cellStyle name="Normal 5 2 6" xfId="1539" xr:uid="{00000000-0005-0000-0000-000003060000}"/>
    <cellStyle name="Normal 5 2 7" xfId="1540" xr:uid="{00000000-0005-0000-0000-000004060000}"/>
    <cellStyle name="Normal 5 2 8" xfId="1541" xr:uid="{00000000-0005-0000-0000-000005060000}"/>
    <cellStyle name="Normal 5 2 9" xfId="1542" xr:uid="{00000000-0005-0000-0000-000006060000}"/>
    <cellStyle name="Normal 5 20" xfId="1543" xr:uid="{00000000-0005-0000-0000-000007060000}"/>
    <cellStyle name="Normal 5 20 2" xfId="1544" xr:uid="{00000000-0005-0000-0000-000008060000}"/>
    <cellStyle name="Normal 5 20 2 2" xfId="1545" xr:uid="{00000000-0005-0000-0000-000009060000}"/>
    <cellStyle name="Normal 5 20 3" xfId="1546" xr:uid="{00000000-0005-0000-0000-00000A060000}"/>
    <cellStyle name="Normal 5 21" xfId="1547" xr:uid="{00000000-0005-0000-0000-00000B060000}"/>
    <cellStyle name="Normal 5 21 2" xfId="1548" xr:uid="{00000000-0005-0000-0000-00000C060000}"/>
    <cellStyle name="Normal 5 21 2 2" xfId="1549" xr:uid="{00000000-0005-0000-0000-00000D060000}"/>
    <cellStyle name="Normal 5 21 3" xfId="1550" xr:uid="{00000000-0005-0000-0000-00000E060000}"/>
    <cellStyle name="Normal 5 22" xfId="1551" xr:uid="{00000000-0005-0000-0000-00000F060000}"/>
    <cellStyle name="Normal 5 22 2" xfId="1552" xr:uid="{00000000-0005-0000-0000-000010060000}"/>
    <cellStyle name="Normal 5 22 2 2" xfId="1553" xr:uid="{00000000-0005-0000-0000-000011060000}"/>
    <cellStyle name="Normal 5 22 3" xfId="1554" xr:uid="{00000000-0005-0000-0000-000012060000}"/>
    <cellStyle name="Normal 5 23" xfId="1555" xr:uid="{00000000-0005-0000-0000-000013060000}"/>
    <cellStyle name="Normal 5 23 2" xfId="1556" xr:uid="{00000000-0005-0000-0000-000014060000}"/>
    <cellStyle name="Normal 5 23 2 2" xfId="1557" xr:uid="{00000000-0005-0000-0000-000015060000}"/>
    <cellStyle name="Normal 5 23 3" xfId="1558" xr:uid="{00000000-0005-0000-0000-000016060000}"/>
    <cellStyle name="Normal 5 24" xfId="1559" xr:uid="{00000000-0005-0000-0000-000017060000}"/>
    <cellStyle name="Normal 5 24 2" xfId="1560" xr:uid="{00000000-0005-0000-0000-000018060000}"/>
    <cellStyle name="Normal 5 24 2 2" xfId="1561" xr:uid="{00000000-0005-0000-0000-000019060000}"/>
    <cellStyle name="Normal 5 24 3" xfId="1562" xr:uid="{00000000-0005-0000-0000-00001A060000}"/>
    <cellStyle name="Normal 5 25" xfId="1563" xr:uid="{00000000-0005-0000-0000-00001B060000}"/>
    <cellStyle name="Normal 5 25 2" xfId="1564" xr:uid="{00000000-0005-0000-0000-00001C060000}"/>
    <cellStyle name="Normal 5 25 2 2" xfId="1565" xr:uid="{00000000-0005-0000-0000-00001D060000}"/>
    <cellStyle name="Normal 5 25 3" xfId="1566" xr:uid="{00000000-0005-0000-0000-00001E060000}"/>
    <cellStyle name="Normal 5 26" xfId="1567" xr:uid="{00000000-0005-0000-0000-00001F060000}"/>
    <cellStyle name="Normal 5 26 2" xfId="1568" xr:uid="{00000000-0005-0000-0000-000020060000}"/>
    <cellStyle name="Normal 5 26 2 2" xfId="1569" xr:uid="{00000000-0005-0000-0000-000021060000}"/>
    <cellStyle name="Normal 5 26 3" xfId="1570" xr:uid="{00000000-0005-0000-0000-000022060000}"/>
    <cellStyle name="Normal 5 27" xfId="1571" xr:uid="{00000000-0005-0000-0000-000023060000}"/>
    <cellStyle name="Normal 5 27 2" xfId="1572" xr:uid="{00000000-0005-0000-0000-000024060000}"/>
    <cellStyle name="Normal 5 27 2 2" xfId="1573" xr:uid="{00000000-0005-0000-0000-000025060000}"/>
    <cellStyle name="Normal 5 27 3" xfId="1574" xr:uid="{00000000-0005-0000-0000-000026060000}"/>
    <cellStyle name="Normal 5 28" xfId="1575" xr:uid="{00000000-0005-0000-0000-000027060000}"/>
    <cellStyle name="Normal 5 28 2" xfId="1576" xr:uid="{00000000-0005-0000-0000-000028060000}"/>
    <cellStyle name="Normal 5 28 2 2" xfId="1577" xr:uid="{00000000-0005-0000-0000-000029060000}"/>
    <cellStyle name="Normal 5 28 3" xfId="1578" xr:uid="{00000000-0005-0000-0000-00002A060000}"/>
    <cellStyle name="Normal 5 29" xfId="1579" xr:uid="{00000000-0005-0000-0000-00002B060000}"/>
    <cellStyle name="Normal 5 29 2" xfId="1580" xr:uid="{00000000-0005-0000-0000-00002C060000}"/>
    <cellStyle name="Normal 5 29 2 2" xfId="1581" xr:uid="{00000000-0005-0000-0000-00002D060000}"/>
    <cellStyle name="Normal 5 29 3" xfId="1582" xr:uid="{00000000-0005-0000-0000-00002E060000}"/>
    <cellStyle name="Normal 5 3" xfId="1583" xr:uid="{00000000-0005-0000-0000-00002F060000}"/>
    <cellStyle name="Normal 5 3 2" xfId="1584" xr:uid="{00000000-0005-0000-0000-000030060000}"/>
    <cellStyle name="Normal 5 30" xfId="1585" xr:uid="{00000000-0005-0000-0000-000031060000}"/>
    <cellStyle name="Normal 5 30 2" xfId="1586" xr:uid="{00000000-0005-0000-0000-000032060000}"/>
    <cellStyle name="Normal 5 30 2 2" xfId="1587" xr:uid="{00000000-0005-0000-0000-000033060000}"/>
    <cellStyle name="Normal 5 30 3" xfId="1588" xr:uid="{00000000-0005-0000-0000-000034060000}"/>
    <cellStyle name="Normal 5 31" xfId="1589" xr:uid="{00000000-0005-0000-0000-000035060000}"/>
    <cellStyle name="Normal 5 31 2" xfId="1590" xr:uid="{00000000-0005-0000-0000-000036060000}"/>
    <cellStyle name="Normal 5 31 2 2" xfId="1591" xr:uid="{00000000-0005-0000-0000-000037060000}"/>
    <cellStyle name="Normal 5 31 3" xfId="1592" xr:uid="{00000000-0005-0000-0000-000038060000}"/>
    <cellStyle name="Normal 5 32" xfId="1593" xr:uid="{00000000-0005-0000-0000-000039060000}"/>
    <cellStyle name="Normal 5 32 2" xfId="1594" xr:uid="{00000000-0005-0000-0000-00003A060000}"/>
    <cellStyle name="Normal 5 33" xfId="1595" xr:uid="{00000000-0005-0000-0000-00003B060000}"/>
    <cellStyle name="Normal 5 4" xfId="1596" xr:uid="{00000000-0005-0000-0000-00003C060000}"/>
    <cellStyle name="Normal 5 4 2" xfId="1597" xr:uid="{00000000-0005-0000-0000-00003D060000}"/>
    <cellStyle name="Normal 5 4 2 2" xfId="1598" xr:uid="{00000000-0005-0000-0000-00003E060000}"/>
    <cellStyle name="Normal 5 4 2 2 2" xfId="1599" xr:uid="{00000000-0005-0000-0000-00003F060000}"/>
    <cellStyle name="Normal 5 4 2 2 2 2" xfId="1600" xr:uid="{00000000-0005-0000-0000-000040060000}"/>
    <cellStyle name="Normal 5 4 2 2 3" xfId="1601" xr:uid="{00000000-0005-0000-0000-000041060000}"/>
    <cellStyle name="Normal 5 4 2 3" xfId="1602" xr:uid="{00000000-0005-0000-0000-000042060000}"/>
    <cellStyle name="Normal 5 4 2 3 2" xfId="1603" xr:uid="{00000000-0005-0000-0000-000043060000}"/>
    <cellStyle name="Normal 5 4 2 4" xfId="1604" xr:uid="{00000000-0005-0000-0000-000044060000}"/>
    <cellStyle name="Normal 5 4 3" xfId="1605" xr:uid="{00000000-0005-0000-0000-000045060000}"/>
    <cellStyle name="Normal 5 4 3 2" xfId="1606" xr:uid="{00000000-0005-0000-0000-000046060000}"/>
    <cellStyle name="Normal 5 4 4" xfId="1607" xr:uid="{00000000-0005-0000-0000-000047060000}"/>
    <cellStyle name="Normal 5 5" xfId="1608" xr:uid="{00000000-0005-0000-0000-000048060000}"/>
    <cellStyle name="Normal 5 5 2" xfId="1609" xr:uid="{00000000-0005-0000-0000-000049060000}"/>
    <cellStyle name="Normal 5 5 2 2" xfId="1610" xr:uid="{00000000-0005-0000-0000-00004A060000}"/>
    <cellStyle name="Normal 5 5 3" xfId="1611" xr:uid="{00000000-0005-0000-0000-00004B060000}"/>
    <cellStyle name="Normal 5 6" xfId="1612" xr:uid="{00000000-0005-0000-0000-00004C060000}"/>
    <cellStyle name="Normal 5 6 2" xfId="1613" xr:uid="{00000000-0005-0000-0000-00004D060000}"/>
    <cellStyle name="Normal 5 6 2 2" xfId="1614" xr:uid="{00000000-0005-0000-0000-00004E060000}"/>
    <cellStyle name="Normal 5 6 3" xfId="1615" xr:uid="{00000000-0005-0000-0000-00004F060000}"/>
    <cellStyle name="Normal 5 7" xfId="1616" xr:uid="{00000000-0005-0000-0000-000050060000}"/>
    <cellStyle name="Normal 5 7 2" xfId="1617" xr:uid="{00000000-0005-0000-0000-000051060000}"/>
    <cellStyle name="Normal 5 7 2 2" xfId="1618" xr:uid="{00000000-0005-0000-0000-000052060000}"/>
    <cellStyle name="Normal 5 7 3" xfId="1619" xr:uid="{00000000-0005-0000-0000-000053060000}"/>
    <cellStyle name="Normal 5 8" xfId="1620" xr:uid="{00000000-0005-0000-0000-000054060000}"/>
    <cellStyle name="Normal 5 8 2" xfId="1621" xr:uid="{00000000-0005-0000-0000-000055060000}"/>
    <cellStyle name="Normal 5 8 2 2" xfId="1622" xr:uid="{00000000-0005-0000-0000-000056060000}"/>
    <cellStyle name="Normal 5 8 3" xfId="1623" xr:uid="{00000000-0005-0000-0000-000057060000}"/>
    <cellStyle name="Normal 5 9" xfId="1624" xr:uid="{00000000-0005-0000-0000-000058060000}"/>
    <cellStyle name="Normal 5 9 2" xfId="1625" xr:uid="{00000000-0005-0000-0000-000059060000}"/>
    <cellStyle name="Normal 5 9 2 2" xfId="1626" xr:uid="{00000000-0005-0000-0000-00005A060000}"/>
    <cellStyle name="Normal 5 9 3" xfId="1627" xr:uid="{00000000-0005-0000-0000-00005B060000}"/>
    <cellStyle name="Normal 5_02-003-00 - Administracion de Justicia Dpto. de Concepcion" xfId="1628" xr:uid="{00000000-0005-0000-0000-00005C060000}"/>
    <cellStyle name="Normal 50" xfId="1629" xr:uid="{00000000-0005-0000-0000-00005D060000}"/>
    <cellStyle name="Normal 51" xfId="1630" xr:uid="{00000000-0005-0000-0000-00005E060000}"/>
    <cellStyle name="Normal 52" xfId="1631" xr:uid="{00000000-0005-0000-0000-00005F060000}"/>
    <cellStyle name="Normal 6" xfId="1632" xr:uid="{00000000-0005-0000-0000-000060060000}"/>
    <cellStyle name="Normal 6 2" xfId="1633" xr:uid="{00000000-0005-0000-0000-000061060000}"/>
    <cellStyle name="Normal 6 3" xfId="1634" xr:uid="{00000000-0005-0000-0000-000062060000}"/>
    <cellStyle name="Normal 7" xfId="1635" xr:uid="{00000000-0005-0000-0000-000063060000}"/>
    <cellStyle name="Normal 7 2" xfId="1636" xr:uid="{00000000-0005-0000-0000-000064060000}"/>
    <cellStyle name="Normal 7 2 2" xfId="1637" xr:uid="{00000000-0005-0000-0000-000065060000}"/>
    <cellStyle name="Normal 8" xfId="1638" xr:uid="{00000000-0005-0000-0000-000066060000}"/>
    <cellStyle name="Normal 8 2" xfId="1639" xr:uid="{00000000-0005-0000-0000-000067060000}"/>
    <cellStyle name="Normal 8 3" xfId="1640" xr:uid="{00000000-0005-0000-0000-000068060000}"/>
    <cellStyle name="Normal 8 4" xfId="1641" xr:uid="{00000000-0005-0000-0000-000069060000}"/>
    <cellStyle name="Normal 8 4 2" xfId="1642" xr:uid="{00000000-0005-0000-0000-00006A060000}"/>
    <cellStyle name="Normal 8 4 2 2" xfId="1643" xr:uid="{00000000-0005-0000-0000-00006B060000}"/>
    <cellStyle name="Normal 8 4 3" xfId="1644" xr:uid="{00000000-0005-0000-0000-00006C060000}"/>
    <cellStyle name="Normal 8 4 3 2" xfId="1645" xr:uid="{00000000-0005-0000-0000-00006D060000}"/>
    <cellStyle name="Normal 8 4 4" xfId="1646" xr:uid="{00000000-0005-0000-0000-00006E060000}"/>
    <cellStyle name="Normal 8 5" xfId="1647" xr:uid="{00000000-0005-0000-0000-00006F060000}"/>
    <cellStyle name="Normal 8 5 2" xfId="1648" xr:uid="{00000000-0005-0000-0000-000070060000}"/>
    <cellStyle name="Normal 8 5 2 2" xfId="1649" xr:uid="{00000000-0005-0000-0000-000071060000}"/>
    <cellStyle name="Normal 8 5 2 2 2" xfId="1650" xr:uid="{00000000-0005-0000-0000-000072060000}"/>
    <cellStyle name="Normal 8 5 2 3" xfId="1651" xr:uid="{00000000-0005-0000-0000-000073060000}"/>
    <cellStyle name="Normal 8 5 3" xfId="1652" xr:uid="{00000000-0005-0000-0000-000074060000}"/>
    <cellStyle name="Normal 9" xfId="1653" xr:uid="{00000000-0005-0000-0000-000075060000}"/>
    <cellStyle name="Porcentaje" xfId="1654" builtinId="5"/>
    <cellStyle name="Porcentaje 10" xfId="1655" xr:uid="{00000000-0005-0000-0000-000077060000}"/>
    <cellStyle name="Porcentaje 10 2" xfId="1656" xr:uid="{00000000-0005-0000-0000-000078060000}"/>
    <cellStyle name="Porcentaje 11" xfId="1657" xr:uid="{00000000-0005-0000-0000-000079060000}"/>
    <cellStyle name="Porcentaje 11 2" xfId="1658" xr:uid="{00000000-0005-0000-0000-00007A060000}"/>
    <cellStyle name="Porcentaje 12" xfId="1659" xr:uid="{00000000-0005-0000-0000-00007B060000}"/>
    <cellStyle name="Porcentaje 12 2" xfId="1660" xr:uid="{00000000-0005-0000-0000-00007C060000}"/>
    <cellStyle name="Porcentaje 13" xfId="1661" xr:uid="{00000000-0005-0000-0000-00007D060000}"/>
    <cellStyle name="Porcentaje 13 2" xfId="1662" xr:uid="{00000000-0005-0000-0000-00007E060000}"/>
    <cellStyle name="Porcentaje 14" xfId="1663" xr:uid="{00000000-0005-0000-0000-00007F060000}"/>
    <cellStyle name="Porcentaje 14 2" xfId="1664" xr:uid="{00000000-0005-0000-0000-000080060000}"/>
    <cellStyle name="Porcentaje 15" xfId="1665" xr:uid="{00000000-0005-0000-0000-000081060000}"/>
    <cellStyle name="Porcentaje 15 2" xfId="1666" xr:uid="{00000000-0005-0000-0000-000082060000}"/>
    <cellStyle name="Porcentaje 16" xfId="1667" xr:uid="{00000000-0005-0000-0000-000083060000}"/>
    <cellStyle name="Porcentaje 17" xfId="1668" xr:uid="{00000000-0005-0000-0000-000084060000}"/>
    <cellStyle name="Porcentaje 18" xfId="1669" xr:uid="{00000000-0005-0000-0000-000085060000}"/>
    <cellStyle name="Porcentaje 19" xfId="1670" xr:uid="{00000000-0005-0000-0000-000086060000}"/>
    <cellStyle name="Porcentaje 2" xfId="1671" xr:uid="{00000000-0005-0000-0000-000087060000}"/>
    <cellStyle name="Porcentaje 2 2" xfId="1672" xr:uid="{00000000-0005-0000-0000-000088060000}"/>
    <cellStyle name="Porcentaje 2 2 2" xfId="1673" xr:uid="{00000000-0005-0000-0000-000089060000}"/>
    <cellStyle name="Porcentaje 2 3" xfId="1674" xr:uid="{00000000-0005-0000-0000-00008A060000}"/>
    <cellStyle name="Porcentaje 3" xfId="1675" xr:uid="{00000000-0005-0000-0000-00008B060000}"/>
    <cellStyle name="Porcentaje 4" xfId="1676" xr:uid="{00000000-0005-0000-0000-00008C060000}"/>
    <cellStyle name="Porcentaje 5" xfId="1677" xr:uid="{00000000-0005-0000-0000-00008D060000}"/>
    <cellStyle name="Porcentaje 5 2" xfId="1678" xr:uid="{00000000-0005-0000-0000-00008E060000}"/>
    <cellStyle name="Porcentaje 5 2 2" xfId="1679" xr:uid="{00000000-0005-0000-0000-00008F060000}"/>
    <cellStyle name="Porcentaje 5 3" xfId="1680" xr:uid="{00000000-0005-0000-0000-000090060000}"/>
    <cellStyle name="Porcentaje 6" xfId="1681" xr:uid="{00000000-0005-0000-0000-000091060000}"/>
    <cellStyle name="Porcentaje 7" xfId="1682" xr:uid="{00000000-0005-0000-0000-000092060000}"/>
    <cellStyle name="Porcentaje 7 2" xfId="1683" xr:uid="{00000000-0005-0000-0000-000093060000}"/>
    <cellStyle name="Porcentaje 8" xfId="1684" xr:uid="{00000000-0005-0000-0000-000094060000}"/>
    <cellStyle name="Porcentaje 8 2" xfId="1685" xr:uid="{00000000-0005-0000-0000-000095060000}"/>
    <cellStyle name="Porcentaje 9" xfId="1686" xr:uid="{00000000-0005-0000-0000-000096060000}"/>
    <cellStyle name="Porcentaje 9 2" xfId="1687" xr:uid="{00000000-0005-0000-0000-000097060000}"/>
    <cellStyle name="Porcentual 2" xfId="1688" xr:uid="{00000000-0005-0000-0000-000098060000}"/>
    <cellStyle name="Porcentual 2 10" xfId="1689" xr:uid="{00000000-0005-0000-0000-000099060000}"/>
    <cellStyle name="Porcentual 2 11" xfId="1690" xr:uid="{00000000-0005-0000-0000-00009A060000}"/>
    <cellStyle name="Porcentual 2 12" xfId="1691" xr:uid="{00000000-0005-0000-0000-00009B060000}"/>
    <cellStyle name="Porcentual 2 13" xfId="1692" xr:uid="{00000000-0005-0000-0000-00009C060000}"/>
    <cellStyle name="Porcentual 2 14" xfId="1693" xr:uid="{00000000-0005-0000-0000-00009D060000}"/>
    <cellStyle name="Porcentual 2 15" xfId="1694" xr:uid="{00000000-0005-0000-0000-00009E060000}"/>
    <cellStyle name="Porcentual 2 16" xfId="1695" xr:uid="{00000000-0005-0000-0000-00009F060000}"/>
    <cellStyle name="Porcentual 2 17" xfId="1696" xr:uid="{00000000-0005-0000-0000-0000A0060000}"/>
    <cellStyle name="Porcentual 2 18" xfId="1697" xr:uid="{00000000-0005-0000-0000-0000A1060000}"/>
    <cellStyle name="Porcentual 2 19" xfId="1698" xr:uid="{00000000-0005-0000-0000-0000A2060000}"/>
    <cellStyle name="Porcentual 2 2" xfId="1699" xr:uid="{00000000-0005-0000-0000-0000A3060000}"/>
    <cellStyle name="Porcentual 2 2 2" xfId="1700" xr:uid="{00000000-0005-0000-0000-0000A4060000}"/>
    <cellStyle name="Porcentual 2 2 3" xfId="1701" xr:uid="{00000000-0005-0000-0000-0000A5060000}"/>
    <cellStyle name="Porcentual 2 2 3 2" xfId="1702" xr:uid="{00000000-0005-0000-0000-0000A6060000}"/>
    <cellStyle name="Porcentual 2 2 4" xfId="1703" xr:uid="{00000000-0005-0000-0000-0000A7060000}"/>
    <cellStyle name="Porcentual 2 20" xfId="1704" xr:uid="{00000000-0005-0000-0000-0000A8060000}"/>
    <cellStyle name="Porcentual 2 21" xfId="1705" xr:uid="{00000000-0005-0000-0000-0000A9060000}"/>
    <cellStyle name="Porcentual 2 22" xfId="1706" xr:uid="{00000000-0005-0000-0000-0000AA060000}"/>
    <cellStyle name="Porcentual 2 23" xfId="1707" xr:uid="{00000000-0005-0000-0000-0000AB060000}"/>
    <cellStyle name="Porcentual 2 24" xfId="1708" xr:uid="{00000000-0005-0000-0000-0000AC060000}"/>
    <cellStyle name="Porcentual 2 25" xfId="1709" xr:uid="{00000000-0005-0000-0000-0000AD060000}"/>
    <cellStyle name="Porcentual 2 26" xfId="1710" xr:uid="{00000000-0005-0000-0000-0000AE060000}"/>
    <cellStyle name="Porcentual 2 27" xfId="1711" xr:uid="{00000000-0005-0000-0000-0000AF060000}"/>
    <cellStyle name="Porcentual 2 28" xfId="1712" xr:uid="{00000000-0005-0000-0000-0000B0060000}"/>
    <cellStyle name="Porcentual 2 29" xfId="1713" xr:uid="{00000000-0005-0000-0000-0000B1060000}"/>
    <cellStyle name="Porcentual 2 3" xfId="1714" xr:uid="{00000000-0005-0000-0000-0000B2060000}"/>
    <cellStyle name="Porcentual 2 4" xfId="1715" xr:uid="{00000000-0005-0000-0000-0000B3060000}"/>
    <cellStyle name="Porcentual 2 5" xfId="1716" xr:uid="{00000000-0005-0000-0000-0000B4060000}"/>
    <cellStyle name="Porcentual 2 6" xfId="1717" xr:uid="{00000000-0005-0000-0000-0000B5060000}"/>
    <cellStyle name="Porcentual 2 7" xfId="1718" xr:uid="{00000000-0005-0000-0000-0000B6060000}"/>
    <cellStyle name="Porcentual 2 8" xfId="1719" xr:uid="{00000000-0005-0000-0000-0000B7060000}"/>
    <cellStyle name="Porcentual 2 9" xfId="1720" xr:uid="{00000000-0005-0000-0000-0000B8060000}"/>
    <cellStyle name="Porcentual 3" xfId="1721" xr:uid="{00000000-0005-0000-0000-0000B9060000}"/>
    <cellStyle name="Porcentual 3 10" xfId="1722" xr:uid="{00000000-0005-0000-0000-0000BA060000}"/>
    <cellStyle name="Porcentual 3 11" xfId="1723" xr:uid="{00000000-0005-0000-0000-0000BB060000}"/>
    <cellStyle name="Porcentual 3 12" xfId="1724" xr:uid="{00000000-0005-0000-0000-0000BC060000}"/>
    <cellStyle name="Porcentual 3 13" xfId="1725" xr:uid="{00000000-0005-0000-0000-0000BD060000}"/>
    <cellStyle name="Porcentual 3 14" xfId="1726" xr:uid="{00000000-0005-0000-0000-0000BE060000}"/>
    <cellStyle name="Porcentual 3 15" xfId="1727" xr:uid="{00000000-0005-0000-0000-0000BF060000}"/>
    <cellStyle name="Porcentual 3 16" xfId="1728" xr:uid="{00000000-0005-0000-0000-0000C0060000}"/>
    <cellStyle name="Porcentual 3 17" xfId="1729" xr:uid="{00000000-0005-0000-0000-0000C1060000}"/>
    <cellStyle name="Porcentual 3 18" xfId="1730" xr:uid="{00000000-0005-0000-0000-0000C2060000}"/>
    <cellStyle name="Porcentual 3 19" xfId="1731" xr:uid="{00000000-0005-0000-0000-0000C3060000}"/>
    <cellStyle name="Porcentual 3 2" xfId="1732" xr:uid="{00000000-0005-0000-0000-0000C4060000}"/>
    <cellStyle name="Porcentual 3 20" xfId="1733" xr:uid="{00000000-0005-0000-0000-0000C5060000}"/>
    <cellStyle name="Porcentual 3 21" xfId="1734" xr:uid="{00000000-0005-0000-0000-0000C6060000}"/>
    <cellStyle name="Porcentual 3 22" xfId="1735" xr:uid="{00000000-0005-0000-0000-0000C7060000}"/>
    <cellStyle name="Porcentual 3 23" xfId="1736" xr:uid="{00000000-0005-0000-0000-0000C8060000}"/>
    <cellStyle name="Porcentual 3 24" xfId="1737" xr:uid="{00000000-0005-0000-0000-0000C9060000}"/>
    <cellStyle name="Porcentual 3 25" xfId="1738" xr:uid="{00000000-0005-0000-0000-0000CA060000}"/>
    <cellStyle name="Porcentual 3 26" xfId="1739" xr:uid="{00000000-0005-0000-0000-0000CB060000}"/>
    <cellStyle name="Porcentual 3 27" xfId="1740" xr:uid="{00000000-0005-0000-0000-0000CC060000}"/>
    <cellStyle name="Porcentual 3 28" xfId="1741" xr:uid="{00000000-0005-0000-0000-0000CD060000}"/>
    <cellStyle name="Porcentual 3 29" xfId="1742" xr:uid="{00000000-0005-0000-0000-0000CE060000}"/>
    <cellStyle name="Porcentual 3 3" xfId="1743" xr:uid="{00000000-0005-0000-0000-0000CF060000}"/>
    <cellStyle name="Porcentual 3 30" xfId="1744" xr:uid="{00000000-0005-0000-0000-0000D0060000}"/>
    <cellStyle name="Porcentual 3 31" xfId="1745" xr:uid="{00000000-0005-0000-0000-0000D1060000}"/>
    <cellStyle name="Porcentual 3 32" xfId="1746" xr:uid="{00000000-0005-0000-0000-0000D2060000}"/>
    <cellStyle name="Porcentual 3 33" xfId="1747" xr:uid="{00000000-0005-0000-0000-0000D3060000}"/>
    <cellStyle name="Porcentual 3 34" xfId="1748" xr:uid="{00000000-0005-0000-0000-0000D4060000}"/>
    <cellStyle name="Porcentual 3 35" xfId="1749" xr:uid="{00000000-0005-0000-0000-0000D5060000}"/>
    <cellStyle name="Porcentual 3 36" xfId="1750" xr:uid="{00000000-0005-0000-0000-0000D6060000}"/>
    <cellStyle name="Porcentual 3 37" xfId="1751" xr:uid="{00000000-0005-0000-0000-0000D7060000}"/>
    <cellStyle name="Porcentual 3 38" xfId="1752" xr:uid="{00000000-0005-0000-0000-0000D8060000}"/>
    <cellStyle name="Porcentual 3 4" xfId="1753" xr:uid="{00000000-0005-0000-0000-0000D9060000}"/>
    <cellStyle name="Porcentual 3 5" xfId="1754" xr:uid="{00000000-0005-0000-0000-0000DA060000}"/>
    <cellStyle name="Porcentual 3 6" xfId="1755" xr:uid="{00000000-0005-0000-0000-0000DB060000}"/>
    <cellStyle name="Porcentual 3 7" xfId="1756" xr:uid="{00000000-0005-0000-0000-0000DC060000}"/>
    <cellStyle name="Porcentual 3 8" xfId="1757" xr:uid="{00000000-0005-0000-0000-0000DD060000}"/>
    <cellStyle name="Porcentual 3 9" xfId="1758" xr:uid="{00000000-0005-0000-0000-0000DE060000}"/>
    <cellStyle name="Porcentual 4" xfId="1759" xr:uid="{00000000-0005-0000-0000-0000DF060000}"/>
    <cellStyle name="Porcentual 4 10" xfId="1760" xr:uid="{00000000-0005-0000-0000-0000E0060000}"/>
    <cellStyle name="Porcentual 4 11" xfId="1761" xr:uid="{00000000-0005-0000-0000-0000E1060000}"/>
    <cellStyle name="Porcentual 4 12" xfId="1762" xr:uid="{00000000-0005-0000-0000-0000E2060000}"/>
    <cellStyle name="Porcentual 4 13" xfId="1763" xr:uid="{00000000-0005-0000-0000-0000E3060000}"/>
    <cellStyle name="Porcentual 4 14" xfId="1764" xr:uid="{00000000-0005-0000-0000-0000E4060000}"/>
    <cellStyle name="Porcentual 4 15" xfId="1765" xr:uid="{00000000-0005-0000-0000-0000E5060000}"/>
    <cellStyle name="Porcentual 4 16" xfId="1766" xr:uid="{00000000-0005-0000-0000-0000E6060000}"/>
    <cellStyle name="Porcentual 4 17" xfId="1767" xr:uid="{00000000-0005-0000-0000-0000E7060000}"/>
    <cellStyle name="Porcentual 4 18" xfId="1768" xr:uid="{00000000-0005-0000-0000-0000E8060000}"/>
    <cellStyle name="Porcentual 4 19" xfId="1769" xr:uid="{00000000-0005-0000-0000-0000E9060000}"/>
    <cellStyle name="Porcentual 4 2" xfId="1770" xr:uid="{00000000-0005-0000-0000-0000EA060000}"/>
    <cellStyle name="Porcentual 4 2 2" xfId="1771" xr:uid="{00000000-0005-0000-0000-0000EB060000}"/>
    <cellStyle name="Porcentual 4 2 3" xfId="1772" xr:uid="{00000000-0005-0000-0000-0000EC060000}"/>
    <cellStyle name="Porcentual 4 20" xfId="1773" xr:uid="{00000000-0005-0000-0000-0000ED060000}"/>
    <cellStyle name="Porcentual 4 21" xfId="1774" xr:uid="{00000000-0005-0000-0000-0000EE060000}"/>
    <cellStyle name="Porcentual 4 22" xfId="1775" xr:uid="{00000000-0005-0000-0000-0000EF060000}"/>
    <cellStyle name="Porcentual 4 23" xfId="1776" xr:uid="{00000000-0005-0000-0000-0000F0060000}"/>
    <cellStyle name="Porcentual 4 24" xfId="1777" xr:uid="{00000000-0005-0000-0000-0000F1060000}"/>
    <cellStyle name="Porcentual 4 25" xfId="1778" xr:uid="{00000000-0005-0000-0000-0000F2060000}"/>
    <cellStyle name="Porcentual 4 26" xfId="1779" xr:uid="{00000000-0005-0000-0000-0000F3060000}"/>
    <cellStyle name="Porcentual 4 27" xfId="1780" xr:uid="{00000000-0005-0000-0000-0000F4060000}"/>
    <cellStyle name="Porcentual 4 28" xfId="1781" xr:uid="{00000000-0005-0000-0000-0000F5060000}"/>
    <cellStyle name="Porcentual 4 29" xfId="1782" xr:uid="{00000000-0005-0000-0000-0000F6060000}"/>
    <cellStyle name="Porcentual 4 3" xfId="1783" xr:uid="{00000000-0005-0000-0000-0000F7060000}"/>
    <cellStyle name="Porcentual 4 4" xfId="1784" xr:uid="{00000000-0005-0000-0000-0000F8060000}"/>
    <cellStyle name="Porcentual 4 5" xfId="1785" xr:uid="{00000000-0005-0000-0000-0000F9060000}"/>
    <cellStyle name="Porcentual 4 6" xfId="1786" xr:uid="{00000000-0005-0000-0000-0000FA060000}"/>
    <cellStyle name="Porcentual 4 7" xfId="1787" xr:uid="{00000000-0005-0000-0000-0000FB060000}"/>
    <cellStyle name="Porcentual 4 8" xfId="1788" xr:uid="{00000000-0005-0000-0000-0000FC060000}"/>
    <cellStyle name="Porcentual 4 9" xfId="1789" xr:uid="{00000000-0005-0000-0000-0000FD060000}"/>
    <cellStyle name="Porcentual 5" xfId="1790" xr:uid="{00000000-0005-0000-0000-0000FE060000}"/>
    <cellStyle name="Porcentual 5 2" xfId="1791" xr:uid="{00000000-0005-0000-0000-0000FF060000}"/>
    <cellStyle name="Porcentual 5 3" xfId="1792" xr:uid="{00000000-0005-0000-0000-000000070000}"/>
    <cellStyle name="Porcentual 5 4" xfId="1793" xr:uid="{00000000-0005-0000-0000-000001070000}"/>
    <cellStyle name="Porcentual 5 5" xfId="1794" xr:uid="{00000000-0005-0000-0000-000002070000}"/>
    <cellStyle name="Porcentual 6" xfId="1795" xr:uid="{00000000-0005-0000-0000-000003070000}"/>
    <cellStyle name="Porcentual 6 2" xfId="1796" xr:uid="{00000000-0005-0000-0000-000004070000}"/>
    <cellStyle name="Porcentual 7" xfId="1797" xr:uid="{00000000-0005-0000-0000-000005070000}"/>
    <cellStyle name="Porcentual 7 2" xfId="1798" xr:uid="{00000000-0005-0000-0000-000006070000}"/>
    <cellStyle name="Porcentual 7 3" xfId="1799" xr:uid="{00000000-0005-0000-0000-000007070000}"/>
    <cellStyle name="Porcentual 7 3 2" xfId="1800" xr:uid="{00000000-0005-0000-0000-000008070000}"/>
    <cellStyle name="Porcentual 7 4" xfId="1801" xr:uid="{00000000-0005-0000-0000-000009070000}"/>
    <cellStyle name="Porcentual 8" xfId="1802" xr:uid="{00000000-0005-0000-0000-00000A070000}"/>
    <cellStyle name="Porcentual 8 2" xfId="1803" xr:uid="{00000000-0005-0000-0000-00000B070000}"/>
    <cellStyle name="Porcentual 9" xfId="1804" xr:uid="{00000000-0005-0000-0000-00000C070000}"/>
    <cellStyle name="Porcentual 9 2" xfId="1805" xr:uid="{00000000-0005-0000-0000-00000D070000}"/>
  </cellStyles>
  <dxfs count="49"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FF0000"/>
      </font>
      <numFmt numFmtId="179" formatCode="_(* #,##0_);_(* \(#,##0\);_(* &quot;-&quot;??_);_(@_)"/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FF0000"/>
      </font>
      <numFmt numFmtId="179" formatCode="_(* #,##0_);_(* \(#,##0\);_(* &quot;-&quot;??_);_(@_)"/>
    </dxf>
    <dxf>
      <font>
        <color rgb="FFFF0000"/>
      </font>
      <numFmt numFmtId="179" formatCode="_(* #,##0_);_(* \(#,##0\);_(* &quot;-&quot;??_);_(@_)"/>
    </dxf>
    <dxf>
      <font>
        <color rgb="FFFF0000"/>
      </font>
      <numFmt numFmtId="179" formatCode="_(* #,##0_);_(* \(#,##0\);_(* &quot;-&quot;??_);_(@_)"/>
    </dxf>
    <dxf>
      <font>
        <b/>
        <i val="0"/>
        <color auto="1"/>
      </font>
      <fill>
        <patternFill>
          <bgColor rgb="FF92D050"/>
        </patternFill>
      </fill>
    </dxf>
    <dxf>
      <font>
        <color rgb="FF9C0006"/>
      </font>
    </dxf>
    <dxf>
      <font>
        <color rgb="FF9C0006"/>
      </font>
    </dxf>
    <dxf>
      <font>
        <b/>
        <i val="0"/>
        <color rgb="FF00B050"/>
      </font>
    </dxf>
    <dxf>
      <font>
        <color rgb="FF9C0006"/>
      </font>
    </dxf>
    <dxf>
      <font>
        <b/>
        <i val="0"/>
        <color rgb="FF00B050"/>
      </font>
    </dxf>
    <dxf>
      <font>
        <color rgb="FFFF0000"/>
      </font>
      <numFmt numFmtId="179" formatCode="_(* #,##0_);_(* \(#,##0\);_(* &quot;-&quot;??_);_(@_)"/>
    </dxf>
    <dxf>
      <font>
        <color rgb="FFFF0000"/>
      </font>
      <numFmt numFmtId="179" formatCode="_(* #,##0_);_(* \(#,##0\);_(* &quot;-&quot;??_);_(@_)"/>
    </dxf>
    <dxf>
      <font>
        <color rgb="FFFF0000"/>
      </font>
      <numFmt numFmtId="179" formatCode="_(* #,##0_);_(* \(#,##0\);_(* &quot;-&quot;??_);_(@_)"/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externalLink" Target="externalLinks/externalLink8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externalLink" Target="externalLinks/externalLink7.xml"/><Relationship Id="rId17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theme" Target="theme/theme1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34"/>
    </mc:Choice>
    <mc:Fallback>
      <c:style val="34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1" i="0" u="none" strike="noStrike" baseline="0">
                <a:solidFill>
                  <a:srgbClr val="000000"/>
                </a:solidFill>
                <a:latin typeface="Calibri"/>
              </a:rPr>
              <a:t>Por Tipo de Presupuest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0" i="0" u="none" strike="noStrike" baseline="0">
                <a:solidFill>
                  <a:srgbClr val="000000"/>
                </a:solidFill>
                <a:latin typeface="Calibri"/>
              </a:rPr>
              <a:t>Saldo Presupuestario vs Ejecucion</a:t>
            </a:r>
          </a:p>
        </c:rich>
      </c:tx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871870446573925"/>
          <c:y val="0.16731053591664133"/>
          <c:w val="0.76098057363082772"/>
          <c:h val="0.63625970813410349"/>
        </c:manualLayout>
      </c:layout>
      <c:barChart>
        <c:barDir val="bar"/>
        <c:grouping val="percentStacked"/>
        <c:varyColors val="0"/>
        <c:ser>
          <c:idx val="1"/>
          <c:order val="0"/>
          <c:tx>
            <c:strRef>
              <c:f>'GRUPO DE GASTOS'!$P$8</c:f>
              <c:strCache>
                <c:ptCount val="1"/>
                <c:pt idx="0">
                  <c:v> EJECUTADO 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>
              <a:solidFill>
                <a:schemeClr val="bg1">
                  <a:lumMod val="75000"/>
                </a:schemeClr>
              </a:solidFill>
            </a:ln>
          </c:spPr>
          <c:invertIfNegative val="0"/>
          <c:dLbls>
            <c:dLbl>
              <c:idx val="2"/>
              <c:layout>
                <c:manualLayout>
                  <c:x val="2.5224427892099853E-2"/>
                  <c:y val="4.6070461687695236E-3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FEA7-4AA5-A98B-9283EF49E2F1}"/>
                </c:ext>
              </c:extLst>
            </c:dLbl>
            <c:dLbl>
              <c:idx val="3"/>
              <c:layout>
                <c:manualLayout>
                  <c:x val="3.531419904893978E-2"/>
                  <c:y val="0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FEA7-4AA5-A98B-9283EF49E2F1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GRUPO DE GASTOS'!$N$9:$N$11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P$9:$P$11</c:f>
              <c:numCache>
                <c:formatCode>0%</c:formatCode>
                <c:ptCount val="3"/>
                <c:pt idx="0">
                  <c:v>0.34056299815042179</c:v>
                </c:pt>
                <c:pt idx="1">
                  <c:v>0.35869993704899755</c:v>
                </c:pt>
                <c:pt idx="2">
                  <c:v>0.815068786380913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EA7-4AA5-A98B-9283EF49E2F1}"/>
            </c:ext>
          </c:extLst>
        </c:ser>
        <c:ser>
          <c:idx val="0"/>
          <c:order val="1"/>
          <c:tx>
            <c:strRef>
              <c:f>'GRUPO DE GASTOS'!$O$8</c:f>
              <c:strCache>
                <c:ptCount val="1"/>
                <c:pt idx="0">
                  <c:v> SALDO PRESUPUESTARIO </c:v>
                </c:pt>
              </c:strCache>
            </c:strRef>
          </c:tx>
          <c:invertIfNegative val="0"/>
          <c:dLbls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FFFFFF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GRUPO DE GASTOS'!$N$9:$N$11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O$9:$O$11</c:f>
              <c:numCache>
                <c:formatCode>0%</c:formatCode>
                <c:ptCount val="3"/>
                <c:pt idx="0">
                  <c:v>0.65943700184957821</c:v>
                </c:pt>
                <c:pt idx="1">
                  <c:v>0.64130006295100239</c:v>
                </c:pt>
                <c:pt idx="2">
                  <c:v>0.184931213619086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FEA7-4AA5-A98B-9283EF49E2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5"/>
        <c:overlap val="100"/>
        <c:axId val="194878192"/>
        <c:axId val="196765656"/>
      </c:barChart>
      <c:catAx>
        <c:axId val="194878192"/>
        <c:scaling>
          <c:orientation val="maxMin"/>
        </c:scaling>
        <c:delete val="0"/>
        <c:axPos val="l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765656"/>
        <c:crosses val="autoZero"/>
        <c:auto val="1"/>
        <c:lblAlgn val="ctr"/>
        <c:lblOffset val="100"/>
        <c:noMultiLvlLbl val="0"/>
      </c:catAx>
      <c:valAx>
        <c:axId val="196765656"/>
        <c:scaling>
          <c:orientation val="minMax"/>
        </c:scaling>
        <c:delete val="1"/>
        <c:axPos val="t"/>
        <c:numFmt formatCode="0%" sourceLinked="1"/>
        <c:majorTickMark val="out"/>
        <c:minorTickMark val="none"/>
        <c:tickLblPos val="nextTo"/>
        <c:crossAx val="194878192"/>
        <c:crosses val="autoZero"/>
        <c:crossBetween val="between"/>
      </c:valAx>
      <c:spPr>
        <a:solidFill>
          <a:srgbClr val="E7E7E7"/>
        </a:solidFill>
        <a:ln w="25400">
          <a:noFill/>
        </a:ln>
      </c:spPr>
    </c:plotArea>
    <c:legend>
      <c:legendPos val="b"/>
      <c:overlay val="0"/>
      <c:spPr>
        <a:noFill/>
        <a:ln w="25400">
          <a:noFill/>
        </a:ln>
      </c:spPr>
      <c:txPr>
        <a:bodyPr/>
        <a:lstStyle/>
        <a:p>
          <a:pPr>
            <a:defRPr sz="64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es-PY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44" l="0.7000000000000004" r="0.7000000000000004" t="0.75000000000000044" header="0.30000000000000021" footer="0.30000000000000021"/>
    <c:pageSetup orientation="landscape" verticalDpi="0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26"/>
    </mc:Choice>
    <mc:Fallback>
      <c:style val="26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1" i="0" u="none" strike="noStrike" baseline="0">
                <a:solidFill>
                  <a:srgbClr val="000000"/>
                </a:solidFill>
                <a:latin typeface="Calibri"/>
              </a:rPr>
              <a:t>Total Ejecutad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0" i="0" u="none" strike="noStrike" baseline="0">
                <a:solidFill>
                  <a:srgbClr val="000000"/>
                </a:solidFill>
                <a:latin typeface="Calibri"/>
              </a:rPr>
              <a:t>% Participación en el Total</a:t>
            </a:r>
          </a:p>
        </c:rich>
      </c:tx>
      <c:layout>
        <c:manualLayout>
          <c:xMode val="edge"/>
          <c:yMode val="edge"/>
          <c:x val="1.4209532219687493E-2"/>
          <c:y val="3.9553805774278215E-2"/>
        </c:manualLayout>
      </c:layout>
      <c:overlay val="0"/>
      <c:spPr>
        <a:noFill/>
        <a:ln w="25400">
          <a:noFill/>
        </a:ln>
      </c:spPr>
    </c:title>
    <c:autoTitleDeleted val="0"/>
    <c:view3D>
      <c:rotX val="30"/>
      <c:rotY val="141"/>
      <c:rAngAx val="0"/>
      <c:perspective val="0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23906578828281674"/>
          <c:y val="9.1071433676352467E-2"/>
          <c:w val="0.62522737895197544"/>
          <c:h val="0.8785348086995739"/>
        </c:manualLayout>
      </c:layout>
      <c:pie3DChart>
        <c:varyColors val="1"/>
        <c:ser>
          <c:idx val="0"/>
          <c:order val="0"/>
          <c:tx>
            <c:strRef>
              <c:f>'GRUPO DE GASTOS'!$O$16</c:f>
              <c:strCache>
                <c:ptCount val="1"/>
                <c:pt idx="0">
                  <c:v> EJECUTADO </c:v>
                </c:pt>
              </c:strCache>
            </c:strRef>
          </c:tx>
          <c:spPr>
            <a:gradFill rotWithShape="0">
              <a:gsLst>
                <a:gs pos="0">
                  <a:srgbClr val="2C5D98"/>
                </a:gs>
                <a:gs pos="80000">
                  <a:srgbClr val="3C7BC7"/>
                </a:gs>
                <a:gs pos="100000">
                  <a:srgbClr val="3A7CCB"/>
                </a:gs>
              </a:gsLst>
              <a:lin ang="16200000"/>
            </a:gradFill>
            <a:ln w="25400">
              <a:noFill/>
            </a:ln>
            <a:effectLst>
              <a:outerShdw dist="35921" dir="2700000" algn="br">
                <a:srgbClr val="000000"/>
              </a:outerShdw>
            </a:effectLst>
          </c:spPr>
          <c:explosion val="16"/>
          <c:dPt>
            <c:idx val="0"/>
            <c:bubble3D val="0"/>
            <c:extLst>
              <c:ext xmlns:c16="http://schemas.microsoft.com/office/drawing/2014/chart" uri="{C3380CC4-5D6E-409C-BE32-E72D297353CC}">
                <c16:uniqueId val="{00000000-39C7-401D-8339-9DC999AFFCB8}"/>
              </c:ext>
            </c:extLst>
          </c:dPt>
          <c:dPt>
            <c:idx val="1"/>
            <c:bubble3D val="0"/>
            <c:spPr>
              <a:solidFill>
                <a:schemeClr val="bg1">
                  <a:lumMod val="7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2-39C7-401D-8339-9DC999AFFCB8}"/>
              </c:ext>
            </c:extLst>
          </c:dPt>
          <c:dPt>
            <c:idx val="2"/>
            <c:bubble3D val="0"/>
            <c:spPr>
              <a:solidFill>
                <a:schemeClr val="bg1">
                  <a:lumMod val="8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4-39C7-401D-8339-9DC999AFFCB8}"/>
              </c:ext>
            </c:extLst>
          </c:dPt>
          <c:dLbls>
            <c:dLbl>
              <c:idx val="0"/>
              <c:layout>
                <c:manualLayout>
                  <c:x val="-9.4568646208943504E-3"/>
                  <c:y val="0.24458427194661336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39C7-401D-8339-9DC999AFFCB8}"/>
                </c:ext>
              </c:extLst>
            </c:dLbl>
            <c:dLbl>
              <c:idx val="1"/>
              <c:layout>
                <c:manualLayout>
                  <c:x val="-4.3619005568229202E-2"/>
                  <c:y val="-6.1039150759641607E-2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39C7-401D-8339-9DC999AFFCB8}"/>
                </c:ext>
              </c:extLst>
            </c:dLbl>
            <c:dLbl>
              <c:idx val="2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4-39C7-401D-8339-9DC999AFFCB8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0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bestFit"/>
            <c:showLegendKey val="0"/>
            <c:showVal val="1"/>
            <c:showCatName val="1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/>
            </c:extLst>
          </c:dLbls>
          <c:cat>
            <c:strRef>
              <c:f>'GRUPO DE GASTOS'!$N$17:$N$19</c:f>
              <c:strCache>
                <c:ptCount val="3"/>
                <c:pt idx="0">
                  <c:v>10 - Recursos del Tesoro </c:v>
                </c:pt>
                <c:pt idx="1">
                  <c:v>20 - Recursos del Credito Publico </c:v>
                </c:pt>
                <c:pt idx="2">
                  <c:v>30 - Recursos Institucionales </c:v>
                </c:pt>
              </c:strCache>
            </c:strRef>
          </c:cat>
          <c:val>
            <c:numRef>
              <c:f>'GRUPO DE GASTOS'!$P$17:$P$19</c:f>
              <c:numCache>
                <c:formatCode>0%</c:formatCode>
                <c:ptCount val="3"/>
                <c:pt idx="0">
                  <c:v>0.71115558013390023</c:v>
                </c:pt>
                <c:pt idx="1">
                  <c:v>0</c:v>
                </c:pt>
                <c:pt idx="2">
                  <c:v>0.2888444198660997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39C7-401D-8339-9DC999AFFC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</c:pie3DChart>
      <c:spPr>
        <a:noFill/>
        <a:ln w="25400">
          <a:noFill/>
        </a:ln>
      </c:spPr>
    </c:plotArea>
    <c:plotVisOnly val="1"/>
    <c:dispBlanksAs val="zero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view3D>
      <c:rotX val="15"/>
      <c:rotY val="20"/>
      <c:depthPercent val="100"/>
      <c:rAngAx val="1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30012667108200258"/>
          <c:y val="4.6433628683027584E-2"/>
          <c:w val="0.69987336250901666"/>
          <c:h val="0.72726694671080605"/>
        </c:manualLayout>
      </c:layout>
      <c:bar3DChart>
        <c:barDir val="col"/>
        <c:grouping val="percentStacked"/>
        <c:varyColors val="0"/>
        <c:ser>
          <c:idx val="0"/>
          <c:order val="0"/>
          <c:tx>
            <c:strRef>
              <c:f>'GRUPO DE GASTOS'!$R$22</c:f>
              <c:strCache>
                <c:ptCount val="1"/>
                <c:pt idx="0">
                  <c:v> EJECUTADO  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 w="9525" cap="flat" cmpd="sng" algn="ctr">
              <a:solidFill>
                <a:schemeClr val="bg1">
                  <a:lumMod val="7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3:$N$29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R$23:$R$29</c:f>
              <c:numCache>
                <c:formatCode>0%</c:formatCode>
                <c:ptCount val="7"/>
                <c:pt idx="0">
                  <c:v>0.36271753229040521</c:v>
                </c:pt>
                <c:pt idx="1">
                  <c:v>0.36857469739618576</c:v>
                </c:pt>
                <c:pt idx="2">
                  <c:v>0.22337002918327176</c:v>
                </c:pt>
                <c:pt idx="3">
                  <c:v>0.23736204206453254</c:v>
                </c:pt>
                <c:pt idx="4">
                  <c:v>0.81506878638091318</c:v>
                </c:pt>
                <c:pt idx="5">
                  <c:v>0.43551346362912285</c:v>
                </c:pt>
                <c:pt idx="6">
                  <c:v>0.4189594026782164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A5C-44D3-9CCF-17F1F1BC59CE}"/>
            </c:ext>
          </c:extLst>
        </c:ser>
        <c:ser>
          <c:idx val="1"/>
          <c:order val="1"/>
          <c:tx>
            <c:strRef>
              <c:f>'GRUPO DE GASTOS'!$S$22</c:f>
              <c:strCache>
                <c:ptCount val="1"/>
                <c:pt idx="0">
                  <c:v> SALDO </c:v>
                </c:pt>
              </c:strCache>
            </c:strRef>
          </c:tx>
          <c:spPr>
            <a:solidFill>
              <a:srgbClr val="0070C0"/>
            </a:solidFill>
            <a:ln w="9525" cap="flat" cmpd="sng" algn="ctr">
              <a:solidFill>
                <a:schemeClr val="accent1">
                  <a:shade val="95000"/>
                  <a:satMod val="10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3:$N$29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S$23:$S$29</c:f>
              <c:numCache>
                <c:formatCode>0%</c:formatCode>
                <c:ptCount val="7"/>
                <c:pt idx="0">
                  <c:v>0.63728246770959474</c:v>
                </c:pt>
                <c:pt idx="1">
                  <c:v>0.63142530260381424</c:v>
                </c:pt>
                <c:pt idx="2">
                  <c:v>0.77662997081672813</c:v>
                </c:pt>
                <c:pt idx="3">
                  <c:v>0.7626379579354674</c:v>
                </c:pt>
                <c:pt idx="4">
                  <c:v>0.18493121361908682</c:v>
                </c:pt>
                <c:pt idx="5">
                  <c:v>0.5644865363708772</c:v>
                </c:pt>
                <c:pt idx="6">
                  <c:v>0.5810405973217835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A5C-44D3-9CCF-17F1F1BC59C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95"/>
        <c:gapDepth val="95"/>
        <c:shape val="box"/>
        <c:axId val="196987360"/>
        <c:axId val="196987744"/>
        <c:axId val="0"/>
      </c:bar3DChart>
      <c:catAx>
        <c:axId val="1969873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744"/>
        <c:crosses val="autoZero"/>
        <c:auto val="1"/>
        <c:lblAlgn val="ctr"/>
        <c:lblOffset val="100"/>
        <c:noMultiLvlLbl val="0"/>
      </c:catAx>
      <c:valAx>
        <c:axId val="196987744"/>
        <c:scaling>
          <c:orientation val="minMax"/>
        </c:scaling>
        <c:delete val="0"/>
        <c:axPos val="l"/>
        <c:majorGridlines/>
        <c:numFmt formatCode="0%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360"/>
        <c:crosses val="autoZero"/>
        <c:crossBetween val="between"/>
      </c:valAx>
      <c:dTable>
        <c:showHorzBorder val="1"/>
        <c:showVertBorder val="1"/>
        <c:showOutline val="1"/>
        <c:showKeys val="1"/>
        <c:txPr>
          <a:bodyPr/>
          <a:lstStyle/>
          <a:p>
            <a:pPr rtl="0">
              <a:defRPr sz="7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</c:dTable>
      <c:spPr>
        <a:noFill/>
        <a:ln w="25400">
          <a:noFill/>
        </a:ln>
      </c:spPr>
    </c:plotArea>
    <c:plotVisOnly val="1"/>
    <c:dispBlanksAs val="gap"/>
    <c:showDLblsOverMax val="0"/>
  </c:chart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5" Type="http://schemas.openxmlformats.org/officeDocument/2006/relationships/image" Target="../media/image3.jpeg"/><Relationship Id="rId4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image" Target="../media/image4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129553</xdr:colOff>
      <xdr:row>0</xdr:row>
      <xdr:rowOff>47625</xdr:rowOff>
    </xdr:from>
    <xdr:to>
      <xdr:col>5</xdr:col>
      <xdr:colOff>28575</xdr:colOff>
      <xdr:row>4</xdr:row>
      <xdr:rowOff>9525</xdr:rowOff>
    </xdr:to>
    <xdr:pic>
      <xdr:nvPicPr>
        <xdr:cNvPr id="4" name="Imagen 19" descr="COMPROMISO SIN FONDO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35028" y="47625"/>
          <a:ext cx="1099297" cy="685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0</xdr:col>
      <xdr:colOff>1333500</xdr:colOff>
      <xdr:row>3</xdr:row>
      <xdr:rowOff>0</xdr:rowOff>
    </xdr:to>
    <xdr:pic>
      <xdr:nvPicPr>
        <xdr:cNvPr id="5" name="Imagen 20" descr="CSJ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57150"/>
          <a:ext cx="1285875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60804</xdr:colOff>
      <xdr:row>8</xdr:row>
      <xdr:rowOff>49306</xdr:rowOff>
    </xdr:from>
    <xdr:to>
      <xdr:col>11</xdr:col>
      <xdr:colOff>703729</xdr:colOff>
      <xdr:row>15</xdr:row>
      <xdr:rowOff>306481</xdr:rowOff>
    </xdr:to>
    <xdr:graphicFrame macro="">
      <xdr:nvGraphicFramePr>
        <xdr:cNvPr id="29793340" name="8 Gráfico">
          <a:extLst>
            <a:ext uri="{FF2B5EF4-FFF2-40B4-BE49-F238E27FC236}">
              <a16:creationId xmlns:a16="http://schemas.microsoft.com/office/drawing/2014/main" id="{00000000-0008-0000-0100-00003C9CC60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5</xdr:col>
      <xdr:colOff>196663</xdr:colOff>
      <xdr:row>17</xdr:row>
      <xdr:rowOff>63873</xdr:rowOff>
    </xdr:from>
    <xdr:to>
      <xdr:col>11</xdr:col>
      <xdr:colOff>720538</xdr:colOff>
      <xdr:row>21</xdr:row>
      <xdr:rowOff>44823</xdr:rowOff>
    </xdr:to>
    <xdr:graphicFrame macro="">
      <xdr:nvGraphicFramePr>
        <xdr:cNvPr id="29793341" name="8 Gráfico">
          <a:extLst>
            <a:ext uri="{FF2B5EF4-FFF2-40B4-BE49-F238E27FC236}">
              <a16:creationId xmlns:a16="http://schemas.microsoft.com/office/drawing/2014/main" id="{00000000-0008-0000-0100-00003D9CC60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5</xdr:col>
      <xdr:colOff>185458</xdr:colOff>
      <xdr:row>21</xdr:row>
      <xdr:rowOff>131108</xdr:rowOff>
    </xdr:from>
    <xdr:to>
      <xdr:col>11</xdr:col>
      <xdr:colOff>709333</xdr:colOff>
      <xdr:row>30</xdr:row>
      <xdr:rowOff>216833</xdr:rowOff>
    </xdr:to>
    <xdr:graphicFrame macro="">
      <xdr:nvGraphicFramePr>
        <xdr:cNvPr id="29793344" name="7 Gráfico">
          <a:extLst>
            <a:ext uri="{FF2B5EF4-FFF2-40B4-BE49-F238E27FC236}">
              <a16:creationId xmlns:a16="http://schemas.microsoft.com/office/drawing/2014/main" id="{00000000-0008-0000-0100-0000409CC60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0</xdr:col>
      <xdr:colOff>412843</xdr:colOff>
      <xdr:row>0</xdr:row>
      <xdr:rowOff>1</xdr:rowOff>
    </xdr:from>
    <xdr:to>
      <xdr:col>12</xdr:col>
      <xdr:colOff>17368</xdr:colOff>
      <xdr:row>3</xdr:row>
      <xdr:rowOff>145678</xdr:rowOff>
    </xdr:to>
    <xdr:pic>
      <xdr:nvPicPr>
        <xdr:cNvPr id="9" name="Imagen 19" descr="COMPROMISO SIN FONDO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798019" y="1"/>
          <a:ext cx="1128525" cy="80682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6</xdr:colOff>
      <xdr:row>0</xdr:row>
      <xdr:rowOff>146798</xdr:rowOff>
    </xdr:from>
    <xdr:to>
      <xdr:col>0</xdr:col>
      <xdr:colOff>1199030</xdr:colOff>
      <xdr:row>3</xdr:row>
      <xdr:rowOff>26485</xdr:rowOff>
    </xdr:to>
    <xdr:pic>
      <xdr:nvPicPr>
        <xdr:cNvPr id="10" name="Imagen 20" descr="CSJ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6" y="146798"/>
          <a:ext cx="1151404" cy="54083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00252</cdr:x>
      <cdr:y>0.02226</cdr:y>
    </cdr:from>
    <cdr:to>
      <cdr:x>0.22089</cdr:x>
      <cdr:y>0.44319</cdr:y>
    </cdr:to>
    <cdr:sp macro="" textlink="">
      <cdr:nvSpPr>
        <cdr:cNvPr id="2" name="CuadroTexto 1"/>
        <cdr:cNvSpPr txBox="1"/>
      </cdr:nvSpPr>
      <cdr:spPr>
        <a:xfrm xmlns:a="http://schemas.openxmlformats.org/drawingml/2006/main">
          <a:off x="13154" y="54078"/>
          <a:ext cx="1131794" cy="101973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 rtl="0"/>
          <a:r>
            <a:rPr lang="es-PY" sz="1100" b="1" i="0" baseline="0">
              <a:effectLst/>
              <a:latin typeface="+mn-lt"/>
              <a:ea typeface="+mn-ea"/>
              <a:cs typeface="+mn-cs"/>
            </a:rPr>
            <a:t>Por Grupo de Gasto</a:t>
          </a:r>
          <a:endParaRPr lang="es-PY">
            <a:effectLst/>
          </a:endParaRPr>
        </a:p>
        <a:p xmlns:a="http://schemas.openxmlformats.org/drawingml/2006/main">
          <a:pPr algn="ctr" rtl="0"/>
          <a:r>
            <a:rPr lang="es-PY" sz="1100" b="0" i="0" baseline="0">
              <a:effectLst/>
              <a:latin typeface="+mn-lt"/>
              <a:ea typeface="+mn-ea"/>
              <a:cs typeface="+mn-cs"/>
            </a:rPr>
            <a:t>Saldo Presupuestario vs Ejecucion</a:t>
          </a:r>
          <a:endParaRPr lang="es-PY">
            <a:effectLst/>
          </a:endParaRPr>
        </a:p>
        <a:p xmlns:a="http://schemas.openxmlformats.org/drawingml/2006/main">
          <a:pPr algn="ctr"/>
          <a:endParaRPr lang="es-PY" sz="1100"/>
        </a:p>
      </cdr:txBody>
    </cdr:sp>
  </cdr:relSizeAnchor>
</c:userShapes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129553</xdr:colOff>
      <xdr:row>0</xdr:row>
      <xdr:rowOff>47625</xdr:rowOff>
    </xdr:from>
    <xdr:to>
      <xdr:col>5</xdr:col>
      <xdr:colOff>28575</xdr:colOff>
      <xdr:row>4</xdr:row>
      <xdr:rowOff>9525</xdr:rowOff>
    </xdr:to>
    <xdr:pic>
      <xdr:nvPicPr>
        <xdr:cNvPr id="8" name="Imagen 19" descr="COMPROMISO SIN FONDO">
          <a:extLst>
            <a:ext uri="{FF2B5EF4-FFF2-40B4-BE49-F238E27FC236}">
              <a16:creationId xmlns:a16="http://schemas.microsoft.com/office/drawing/2014/main" id="{00000000-0008-0000-0200-000008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35028" y="47625"/>
          <a:ext cx="1099297" cy="685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0</xdr:col>
      <xdr:colOff>1333500</xdr:colOff>
      <xdr:row>3</xdr:row>
      <xdr:rowOff>0</xdr:rowOff>
    </xdr:to>
    <xdr:pic>
      <xdr:nvPicPr>
        <xdr:cNvPr id="9" name="Imagen 20" descr="CSJ">
          <a:extLst>
            <a:ext uri="{FF2B5EF4-FFF2-40B4-BE49-F238E27FC236}">
              <a16:creationId xmlns:a16="http://schemas.microsoft.com/office/drawing/2014/main" id="{00000000-0008-0000-0200-000009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704850"/>
          <a:ext cx="1285875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612913</xdr:colOff>
      <xdr:row>0</xdr:row>
      <xdr:rowOff>57978</xdr:rowOff>
    </xdr:from>
    <xdr:to>
      <xdr:col>8</xdr:col>
      <xdr:colOff>0</xdr:colOff>
      <xdr:row>4</xdr:row>
      <xdr:rowOff>10583</xdr:rowOff>
    </xdr:to>
    <xdr:pic>
      <xdr:nvPicPr>
        <xdr:cNvPr id="2" name="Imagen 19" descr="COMPROMISO SIN FONDO">
          <a:extLst>
            <a:ext uri="{FF2B5EF4-FFF2-40B4-BE49-F238E27FC236}">
              <a16:creationId xmlns:a16="http://schemas.microsoft.com/office/drawing/2014/main" id="{00000000-0008-0000-0700-000003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995163" y="57978"/>
          <a:ext cx="1273037" cy="67650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0</xdr:col>
      <xdr:colOff>15044</xdr:colOff>
      <xdr:row>0</xdr:row>
      <xdr:rowOff>16566</xdr:rowOff>
    </xdr:from>
    <xdr:to>
      <xdr:col>1</xdr:col>
      <xdr:colOff>737152</xdr:colOff>
      <xdr:row>3</xdr:row>
      <xdr:rowOff>5741</xdr:rowOff>
    </xdr:to>
    <xdr:pic>
      <xdr:nvPicPr>
        <xdr:cNvPr id="3" name="Imagen 20" descr="CSJ">
          <a:extLst>
            <a:ext uri="{FF2B5EF4-FFF2-40B4-BE49-F238E27FC236}">
              <a16:creationId xmlns:a16="http://schemas.microsoft.com/office/drawing/2014/main" id="{00000000-0008-0000-0700-000004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5044" y="16566"/>
          <a:ext cx="1417433" cy="5416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6</xdr:col>
      <xdr:colOff>612913</xdr:colOff>
      <xdr:row>0</xdr:row>
      <xdr:rowOff>57978</xdr:rowOff>
    </xdr:from>
    <xdr:to>
      <xdr:col>8</xdr:col>
      <xdr:colOff>0</xdr:colOff>
      <xdr:row>4</xdr:row>
      <xdr:rowOff>10583</xdr:rowOff>
    </xdr:to>
    <xdr:pic>
      <xdr:nvPicPr>
        <xdr:cNvPr id="4" name="Imagen 19" descr="COMPROMISO SIN FONDO">
          <a:extLst>
            <a:ext uri="{FF2B5EF4-FFF2-40B4-BE49-F238E27FC236}">
              <a16:creationId xmlns:a16="http://schemas.microsoft.com/office/drawing/2014/main" id="{E84929A7-0617-4FB8-BEB0-7592DFDBB301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995163" y="57978"/>
          <a:ext cx="1273037" cy="67650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0</xdr:col>
      <xdr:colOff>15044</xdr:colOff>
      <xdr:row>0</xdr:row>
      <xdr:rowOff>16566</xdr:rowOff>
    </xdr:from>
    <xdr:to>
      <xdr:col>1</xdr:col>
      <xdr:colOff>737152</xdr:colOff>
      <xdr:row>3</xdr:row>
      <xdr:rowOff>5741</xdr:rowOff>
    </xdr:to>
    <xdr:pic>
      <xdr:nvPicPr>
        <xdr:cNvPr id="5" name="Imagen 20" descr="CSJ">
          <a:extLst>
            <a:ext uri="{FF2B5EF4-FFF2-40B4-BE49-F238E27FC236}">
              <a16:creationId xmlns:a16="http://schemas.microsoft.com/office/drawing/2014/main" id="{AC484536-14C2-4D5B-B7F6-CB44CC61BC7A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5044" y="16566"/>
          <a:ext cx="1417433" cy="5416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70224</xdr:colOff>
      <xdr:row>0</xdr:row>
      <xdr:rowOff>40584</xdr:rowOff>
    </xdr:from>
    <xdr:to>
      <xdr:col>8</xdr:col>
      <xdr:colOff>1214230</xdr:colOff>
      <xdr:row>3</xdr:row>
      <xdr:rowOff>82826</xdr:rowOff>
    </xdr:to>
    <xdr:pic>
      <xdr:nvPicPr>
        <xdr:cNvPr id="4" name="Imagen 19" descr="COMPROMISO SIN FONDO">
          <a:extLst>
            <a:ext uri="{FF2B5EF4-FFF2-40B4-BE49-F238E27FC236}">
              <a16:creationId xmlns:a16="http://schemas.microsoft.com/office/drawing/2014/main" id="{00000000-0008-0000-0400-000004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098876" y="40584"/>
          <a:ext cx="1261550" cy="65515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22777</xdr:colOff>
      <xdr:row>0</xdr:row>
      <xdr:rowOff>98562</xdr:rowOff>
    </xdr:from>
    <xdr:to>
      <xdr:col>1</xdr:col>
      <xdr:colOff>109694</xdr:colOff>
      <xdr:row>2</xdr:row>
      <xdr:rowOff>173934</xdr:rowOff>
    </xdr:to>
    <xdr:pic>
      <xdr:nvPicPr>
        <xdr:cNvPr id="5" name="Imagen 20" descr="CSJ">
          <a:extLst>
            <a:ext uri="{FF2B5EF4-FFF2-40B4-BE49-F238E27FC236}">
              <a16:creationId xmlns:a16="http://schemas.microsoft.com/office/drawing/2014/main" id="{00000000-0008-0000-04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2777" y="98562"/>
          <a:ext cx="1362439" cy="5060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proyecto%2013-07-2004\Escenarios%20completos\Documents%20and%20Settings\i1301001\Escritorio\005\PROYECTO%202004%20PNUD\PROY%202004\ARCHIVOS%202003\BASE%20DE%20DATOS%20UTILE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PROYECTO%202004%20PNUD\03%20-%201er.%20Proyecto%20Carlos%2002\PROY%202004\ARCHIVOS%202003\BASE%20DE%20DATOS%20UTILES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ARCH1999\PROYECTO%20DEL%20A&#209;O%202000\PROYECTO%202000-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00%20-%20PROYECTO%202004%20C.N\Documents%20and%20Settings\P.N.U.D\Escritorio\PRESUPUESTO%202004%20C.J.C.S.P\ARCHIVOS%202003\BASE%20DE%20DATOS%20UTILES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37\roger%202005\PROYECTO%202004%20PNUD\03%20-%201er.%20Proyecto%20Carlos%2002\PROY%202004\ARCHIVOS%202003\BASE%20DE%20DATOS%20UTIL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INTERIOR\04%20-%20A&#209;O%202004\02%20-%20AMPLIACION\04%20-%20A&#209;O%202004\02%20-%20AMPLIACION\1RA.%20AMPLIACION%20SUSANA\00%20-%20PROYECTO%20ANEXO%20-%20%20GASTOS%20AMPLIACION%202004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Documents%20and%20Settings\DP042410245\Escritorio\fatitalinda\04%20-%20A&#209;O%202004\02%20-%20AMPLIACION\04%20-%20A&#209;O%202004\02%20-%20AMPLIACION\1RA.%20AMPLIACION%20SUSANA\00%20-%20PROYECTO%20ANEXO%20-%20%20GASTOS%20AMPLIACION%202004.xls" TargetMode="External"/></Relationships>
</file>

<file path=xl/externalLinks/_rels/externalLink8.xml.rels><?xml version="1.0" encoding="UTF-8" standalone="yes"?>
<Relationships xmlns="http://schemas.openxmlformats.org/package/2006/relationships"><Relationship Id="rId3" Type="http://schemas.openxmlformats.org/officeDocument/2006/relationships/externalLinkPath" Target="../00-%20Ejecuci&#243;n%20Presupuestaria%20al%2031-05-2026.xlsx" TargetMode="External"/><Relationship Id="rId2" Type="http://schemas.openxmlformats.org/officeDocument/2006/relationships/externalLinkPath" Target="file:///\\presupuestots4\Users\td_ocampos\Desktop\DPTO.%20PRESUPUESTO\009%20-%20PRESUPUESTO%202026\00%20-%20Ejecuci&#243;n%20Presupuestaria%20Mensual\05%20MAYO\00-%20Ejecuci&#243;n%20Presupuestaria%20al%2031-05-2026.xlsx" TargetMode="External"/><Relationship Id="rId1" Type="http://schemas.openxmlformats.org/officeDocument/2006/relationships/externalLinkPath" Target="/td_ocampos/Desktop/DPTO.%20PRESUPUESTO/009%20-%20PRESUPUESTO%202026/00%20-%20Ejecuci&#243;n%20Presupuestaria%20Mensual/05%20MAYO/00-%20Ejecuci&#243;n%20Presupuestaria%20al%2031-05-20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ONTOS REP.ESC.BASE 1"/>
      <sheetName val="Compa2003-2004, Base 1"/>
      <sheetName val="Form. F-G03 x grupo del gasto"/>
      <sheetName val="JUst. de montos-base 1"/>
      <sheetName val="Plan de Adquisiciones"/>
      <sheetName val="INTERIOR CREACIONES (20%) (2)"/>
      <sheetName val="INTERIOR"/>
      <sheetName val="INTERIOR (20%)"/>
      <sheetName val="LEY  (20%) "/>
      <sheetName val="LEY  (20%)  (2)"/>
      <sheetName val="TABLA DE ASIGNACION"/>
      <sheetName val="INTERIOR CREACIONES (20%)"/>
      <sheetName val=" CREACIONES SIST. PEN."/>
      <sheetName val="CREACIONES SIST. PENA (20%) (3)"/>
      <sheetName val="INTERIOR CREACIONES (20%) (3)"/>
      <sheetName val="MONTOS_REP_ESC_BASE_1"/>
      <sheetName val="Compa2003-2004,_Base_1"/>
      <sheetName val="Form__F-G03_x_grupo_del_gasto"/>
      <sheetName val="JUst__de_montos-base_1"/>
      <sheetName val="Plan_de_Adquisiciones"/>
      <sheetName val="INTERIOR_CREACIONES_(20%)_(2)"/>
      <sheetName val="INTERIOR_(20%)"/>
      <sheetName val="LEY__(20%)_"/>
      <sheetName val="LEY__(20%)__(2)"/>
      <sheetName val="TABLA_DE_ASIGNACION"/>
      <sheetName val="INTERIOR_CREACIONES_(20%)"/>
      <sheetName val="_CREACIONES_SIST__PEN_"/>
      <sheetName val="CREACIONES_SIST__PENA_(20%)_(3)"/>
      <sheetName val="INTERIOR_CREACIONES_(20%)_(3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2">
          <cell r="A12" t="str">
            <v>CODIGO</v>
          </cell>
          <cell r="B12" t="str">
            <v>NOMBRE</v>
          </cell>
          <cell r="C12" t="str">
            <v>APELLIDO</v>
          </cell>
          <cell r="D12" t="str">
            <v>IDENTIDAD</v>
          </cell>
          <cell r="E12" t="str">
            <v>LINEA</v>
          </cell>
          <cell r="F12" t="str">
            <v>TIPO</v>
          </cell>
          <cell r="G12" t="str">
            <v>INTERLINEA</v>
          </cell>
          <cell r="H12" t="str">
            <v>CARGO</v>
          </cell>
        </row>
        <row r="13">
          <cell r="A13">
            <v>1</v>
          </cell>
          <cell r="B13" t="str">
            <v/>
          </cell>
          <cell r="C13" t="str">
            <v/>
          </cell>
          <cell r="D13">
            <v>4</v>
          </cell>
          <cell r="E13" t="str">
            <v/>
          </cell>
          <cell r="F13">
            <v>6</v>
          </cell>
          <cell r="H13" t="str">
            <v/>
          </cell>
        </row>
        <row r="14">
          <cell r="A14">
            <v>2</v>
          </cell>
        </row>
        <row r="15">
          <cell r="A15">
            <v>3</v>
          </cell>
          <cell r="B15" t="str">
            <v>TIPO DE PRESUPUESTO</v>
          </cell>
          <cell r="C15" t="str">
            <v>: 2     -  PROGRAMAS DE ACCION</v>
          </cell>
        </row>
        <row r="16">
          <cell r="A16">
            <v>4</v>
          </cell>
          <cell r="B16" t="str">
            <v>PROGRAMA</v>
          </cell>
          <cell r="C16" t="str">
            <v>: 001  -  ADMINISTRACION DE JUSTICIA</v>
          </cell>
        </row>
        <row r="17">
          <cell r="A17">
            <v>5</v>
          </cell>
          <cell r="B17" t="str">
            <v>SUB  -   PROGRAMA</v>
          </cell>
          <cell r="C17" t="str">
            <v>: 02    -  CIRCUNSCRIPCION JUDICIAL GUAIRA Y CAAZAPA</v>
          </cell>
        </row>
        <row r="18">
          <cell r="A18">
            <v>6</v>
          </cell>
          <cell r="B18" t="str">
            <v>OBJETO</v>
          </cell>
          <cell r="C18" t="str">
            <v>: 111  -  SUELDOS</v>
          </cell>
        </row>
        <row r="19">
          <cell r="A19">
            <v>7</v>
          </cell>
          <cell r="B19" t="str">
            <v>FUENTE DE FINANCIAMIENTO</v>
          </cell>
          <cell r="C19" t="str">
            <v>: 10    -  RECURSOS DEL TESORO</v>
          </cell>
        </row>
        <row r="20">
          <cell r="A20">
            <v>8</v>
          </cell>
        </row>
        <row r="21">
          <cell r="A21">
            <v>9</v>
          </cell>
        </row>
        <row r="22">
          <cell r="A22">
            <v>10</v>
          </cell>
        </row>
        <row r="23">
          <cell r="A23">
            <v>11</v>
          </cell>
          <cell r="B23" t="str">
            <v>CIRCUNSCRIPCION JUDICIAL DE GUAIRA Y CAAZAPA</v>
          </cell>
          <cell r="F23" t="str">
            <v>DP</v>
          </cell>
        </row>
        <row r="24">
          <cell r="A24">
            <v>12</v>
          </cell>
          <cell r="B24" t="str">
            <v>TRIB. APEL. CIVIL, COMERCIAL Y LABORAL</v>
          </cell>
          <cell r="F24" t="str">
            <v>DP</v>
          </cell>
        </row>
        <row r="25">
          <cell r="A25">
            <v>13</v>
          </cell>
          <cell r="B25" t="str">
            <v>JUAN LUCIANO</v>
          </cell>
          <cell r="C25" t="str">
            <v>MARECOS BENITEZ</v>
          </cell>
          <cell r="D25" t="str">
            <v>577732</v>
          </cell>
          <cell r="E25">
            <v>2502000</v>
          </cell>
          <cell r="F25" t="str">
            <v>PP</v>
          </cell>
          <cell r="H25" t="str">
            <v>MIEMBRO</v>
          </cell>
        </row>
        <row r="26">
          <cell r="A26">
            <v>14</v>
          </cell>
          <cell r="B26" t="str">
            <v>AGUSTIN</v>
          </cell>
          <cell r="C26" t="str">
            <v>TELLES MOREL</v>
          </cell>
          <cell r="D26" t="str">
            <v>232750</v>
          </cell>
          <cell r="E26">
            <v>2502000</v>
          </cell>
          <cell r="F26" t="str">
            <v>PP</v>
          </cell>
          <cell r="H26" t="str">
            <v>MIEMBRO</v>
          </cell>
        </row>
        <row r="27">
          <cell r="A27">
            <v>15</v>
          </cell>
          <cell r="B27" t="str">
            <v>CARLOS GUILLERMO</v>
          </cell>
          <cell r="C27" t="str">
            <v>REHNTELDT</v>
          </cell>
          <cell r="D27" t="str">
            <v>219809</v>
          </cell>
          <cell r="E27">
            <v>2502000</v>
          </cell>
          <cell r="F27" t="str">
            <v>PP</v>
          </cell>
          <cell r="H27" t="str">
            <v>MIEMBRO</v>
          </cell>
        </row>
        <row r="28">
          <cell r="A28">
            <v>16</v>
          </cell>
          <cell r="B28" t="str">
            <v>BERNARDO JAVIER</v>
          </cell>
          <cell r="C28" t="str">
            <v>ELIZAUR AGUIRRE</v>
          </cell>
          <cell r="D28" t="str">
            <v>1364046</v>
          </cell>
          <cell r="E28">
            <v>2503000</v>
          </cell>
          <cell r="F28" t="str">
            <v>PP</v>
          </cell>
          <cell r="H28" t="str">
            <v>SECRETARIO</v>
          </cell>
        </row>
        <row r="29">
          <cell r="A29">
            <v>17</v>
          </cell>
          <cell r="B29" t="str">
            <v>JUAN MANUEL</v>
          </cell>
          <cell r="C29" t="str">
            <v>BELLENZIER</v>
          </cell>
          <cell r="D29" t="str">
            <v>1718445</v>
          </cell>
          <cell r="E29">
            <v>2504000</v>
          </cell>
          <cell r="F29" t="str">
            <v>PP</v>
          </cell>
          <cell r="H29" t="str">
            <v>UJIER NOTIFICADOR</v>
          </cell>
        </row>
        <row r="30">
          <cell r="A30">
            <v>18</v>
          </cell>
          <cell r="B30" t="str">
            <v>MAGDALENA SOFIA</v>
          </cell>
          <cell r="C30" t="str">
            <v>NARVAEZ DE BELLENZIER</v>
          </cell>
          <cell r="D30" t="str">
            <v>1704446</v>
          </cell>
          <cell r="E30">
            <v>2505000</v>
          </cell>
          <cell r="F30" t="str">
            <v>PP</v>
          </cell>
          <cell r="H30" t="str">
            <v>OF.DE SCRIA.</v>
          </cell>
        </row>
        <row r="31">
          <cell r="A31">
            <v>19</v>
          </cell>
          <cell r="B31" t="str">
            <v>JUAN CARLOS</v>
          </cell>
          <cell r="C31" t="str">
            <v>GONZALEZ ALVARIZA</v>
          </cell>
          <cell r="D31" t="str">
            <v>2236279</v>
          </cell>
          <cell r="E31">
            <v>2506000</v>
          </cell>
          <cell r="F31" t="str">
            <v>PP</v>
          </cell>
          <cell r="H31" t="str">
            <v>DACTILOGRAFO</v>
          </cell>
        </row>
        <row r="32">
          <cell r="A32">
            <v>20</v>
          </cell>
          <cell r="B32" t="str">
            <v>V A C A N T E</v>
          </cell>
          <cell r="E32">
            <v>2507000</v>
          </cell>
          <cell r="F32" t="str">
            <v>VP</v>
          </cell>
          <cell r="H32" t="str">
            <v>ASISTENTE SOCIAL</v>
          </cell>
        </row>
        <row r="33">
          <cell r="B33" t="str">
            <v>V A C A N T E</v>
          </cell>
          <cell r="G33">
            <v>2507010</v>
          </cell>
          <cell r="H33" t="str">
            <v>RELATOR</v>
          </cell>
        </row>
        <row r="34">
          <cell r="A34">
            <v>21</v>
          </cell>
          <cell r="B34" t="str">
            <v>JUZG.1RA. INST. C.C.LAB. 1° TURNO</v>
          </cell>
          <cell r="F34" t="str">
            <v>DP</v>
          </cell>
        </row>
        <row r="35">
          <cell r="A35">
            <v>22</v>
          </cell>
          <cell r="B35" t="str">
            <v>SIMON DARIO</v>
          </cell>
          <cell r="C35" t="str">
            <v>CARDOZO BOGADO</v>
          </cell>
          <cell r="D35" t="str">
            <v>383934</v>
          </cell>
          <cell r="E35">
            <v>2509000</v>
          </cell>
          <cell r="F35" t="str">
            <v>PP</v>
          </cell>
          <cell r="H35" t="str">
            <v>JUEZ</v>
          </cell>
        </row>
        <row r="36">
          <cell r="A36">
            <v>23</v>
          </cell>
          <cell r="B36" t="str">
            <v>CESAR RIGOBERTO</v>
          </cell>
          <cell r="C36" t="str">
            <v>BATAGLIA</v>
          </cell>
          <cell r="D36" t="str">
            <v>611070</v>
          </cell>
          <cell r="E36">
            <v>2510000</v>
          </cell>
          <cell r="F36" t="str">
            <v>PP</v>
          </cell>
          <cell r="H36" t="str">
            <v>SECRETARIO</v>
          </cell>
        </row>
        <row r="37">
          <cell r="A37">
            <v>24</v>
          </cell>
          <cell r="B37" t="str">
            <v>VICTOR RIVAS</v>
          </cell>
          <cell r="C37" t="str">
            <v>MAIDANA</v>
          </cell>
          <cell r="D37" t="str">
            <v>1702827</v>
          </cell>
          <cell r="E37">
            <v>2510000</v>
          </cell>
          <cell r="F37" t="str">
            <v>PP</v>
          </cell>
          <cell r="H37" t="str">
            <v>SECRETARIO</v>
          </cell>
        </row>
        <row r="38">
          <cell r="A38">
            <v>25</v>
          </cell>
          <cell r="B38" t="str">
            <v>NIDIA BEATRIZ</v>
          </cell>
          <cell r="C38" t="str">
            <v>DUARTE VILLALBA</v>
          </cell>
          <cell r="D38" t="str">
            <v>973205</v>
          </cell>
          <cell r="E38">
            <v>2511000</v>
          </cell>
          <cell r="F38" t="str">
            <v>PP</v>
          </cell>
          <cell r="H38" t="str">
            <v>UJIER NOTIFICADOR</v>
          </cell>
        </row>
        <row r="39">
          <cell r="A39">
            <v>26</v>
          </cell>
          <cell r="B39" t="str">
            <v>NESTOR</v>
          </cell>
          <cell r="C39" t="str">
            <v>NARVAEZ</v>
          </cell>
          <cell r="D39" t="str">
            <v>1007435</v>
          </cell>
          <cell r="E39">
            <v>2512000</v>
          </cell>
          <cell r="F39" t="str">
            <v>PP</v>
          </cell>
          <cell r="H39" t="str">
            <v>OFICIAL DE SECRETARI</v>
          </cell>
        </row>
        <row r="40">
          <cell r="A40">
            <v>27</v>
          </cell>
          <cell r="B40" t="str">
            <v>RICARDO</v>
          </cell>
          <cell r="C40" t="str">
            <v>GOMEZ</v>
          </cell>
          <cell r="D40" t="str">
            <v>1450247</v>
          </cell>
          <cell r="E40">
            <v>2512000</v>
          </cell>
          <cell r="F40" t="str">
            <v>PP</v>
          </cell>
          <cell r="H40" t="str">
            <v>OFICIAL DE SECRETARI</v>
          </cell>
        </row>
        <row r="41">
          <cell r="A41">
            <v>28</v>
          </cell>
          <cell r="B41" t="str">
            <v>CESAR A.</v>
          </cell>
          <cell r="C41" t="str">
            <v>BENITEZ JARA</v>
          </cell>
          <cell r="D41" t="str">
            <v>728219</v>
          </cell>
          <cell r="E41">
            <v>2513000</v>
          </cell>
          <cell r="F41" t="str">
            <v>PP</v>
          </cell>
          <cell r="H41" t="str">
            <v>DACTILOGRAFO</v>
          </cell>
        </row>
        <row r="42">
          <cell r="A42">
            <v>29</v>
          </cell>
          <cell r="B42" t="str">
            <v>MARA ELIZABETH</v>
          </cell>
          <cell r="C42" t="str">
            <v>FARIÑA BARRIOS</v>
          </cell>
          <cell r="D42" t="str">
            <v>1357850</v>
          </cell>
          <cell r="E42">
            <v>2513000</v>
          </cell>
          <cell r="F42" t="str">
            <v>PP</v>
          </cell>
          <cell r="H42" t="str">
            <v>DACTILOGRAFO</v>
          </cell>
        </row>
        <row r="43">
          <cell r="A43">
            <v>30</v>
          </cell>
          <cell r="B43" t="str">
            <v>SEGUNDO TURNO</v>
          </cell>
          <cell r="F43" t="str">
            <v>DP</v>
          </cell>
        </row>
        <row r="44">
          <cell r="A44">
            <v>31</v>
          </cell>
          <cell r="B44" t="str">
            <v>LUCILA ANTONIA</v>
          </cell>
          <cell r="C44" t="str">
            <v>FERNANDEZ DE ECHAURI</v>
          </cell>
          <cell r="D44" t="str">
            <v>617839</v>
          </cell>
          <cell r="E44">
            <v>2515000</v>
          </cell>
          <cell r="F44" t="str">
            <v>PP</v>
          </cell>
          <cell r="H44" t="str">
            <v>JUEZ</v>
          </cell>
        </row>
        <row r="45">
          <cell r="A45">
            <v>32</v>
          </cell>
          <cell r="B45" t="str">
            <v>ARMANDO</v>
          </cell>
          <cell r="C45" t="str">
            <v>ALMADA</v>
          </cell>
          <cell r="D45" t="str">
            <v>452531</v>
          </cell>
          <cell r="E45">
            <v>2516000</v>
          </cell>
          <cell r="F45" t="str">
            <v>PP</v>
          </cell>
          <cell r="H45" t="str">
            <v>SECRETARIO</v>
          </cell>
        </row>
        <row r="46">
          <cell r="A46">
            <v>33</v>
          </cell>
          <cell r="B46" t="str">
            <v>ANGEL</v>
          </cell>
          <cell r="C46" t="str">
            <v>RUIZ DIAZ</v>
          </cell>
          <cell r="D46" t="str">
            <v>1509433</v>
          </cell>
          <cell r="E46">
            <v>2516000</v>
          </cell>
          <cell r="F46" t="str">
            <v>PP</v>
          </cell>
          <cell r="H46" t="str">
            <v>SECRETARIO</v>
          </cell>
        </row>
        <row r="47">
          <cell r="A47">
            <v>34</v>
          </cell>
          <cell r="B47" t="str">
            <v>MIRNA ESTER</v>
          </cell>
          <cell r="C47" t="str">
            <v>ROLON DE SPEZZINI</v>
          </cell>
          <cell r="D47" t="str">
            <v>1163764</v>
          </cell>
          <cell r="E47">
            <v>2517000</v>
          </cell>
          <cell r="F47" t="str">
            <v>PP</v>
          </cell>
          <cell r="H47" t="str">
            <v>UJIER NOTIFICADOR</v>
          </cell>
        </row>
        <row r="48">
          <cell r="A48">
            <v>35</v>
          </cell>
          <cell r="B48" t="str">
            <v>FRANCISCO</v>
          </cell>
          <cell r="C48" t="str">
            <v>GONZALEZ</v>
          </cell>
          <cell r="D48" t="str">
            <v>937785</v>
          </cell>
          <cell r="E48">
            <v>2518000</v>
          </cell>
          <cell r="F48" t="str">
            <v>PP</v>
          </cell>
          <cell r="H48" t="str">
            <v>OFICIAL DE SECRETARI</v>
          </cell>
        </row>
        <row r="49">
          <cell r="A49">
            <v>36</v>
          </cell>
          <cell r="B49" t="str">
            <v>ANTONIO J.</v>
          </cell>
          <cell r="C49" t="str">
            <v>RUIZ A.</v>
          </cell>
          <cell r="D49" t="str">
            <v>2053230</v>
          </cell>
          <cell r="E49">
            <v>2518000</v>
          </cell>
          <cell r="F49" t="str">
            <v>PP</v>
          </cell>
          <cell r="H49" t="str">
            <v>OFICIAL DE SECRETARI</v>
          </cell>
        </row>
        <row r="50">
          <cell r="A50">
            <v>37</v>
          </cell>
          <cell r="B50" t="str">
            <v>ELSA ANTONIA</v>
          </cell>
          <cell r="C50" t="str">
            <v>CABRAL SEGOVIA</v>
          </cell>
          <cell r="D50" t="str">
            <v>2277896</v>
          </cell>
          <cell r="E50">
            <v>2519000</v>
          </cell>
          <cell r="F50" t="str">
            <v>PP</v>
          </cell>
          <cell r="H50" t="str">
            <v>DACTILOGRAFO</v>
          </cell>
        </row>
        <row r="51">
          <cell r="A51">
            <v>38</v>
          </cell>
          <cell r="B51" t="str">
            <v>ELSA</v>
          </cell>
          <cell r="C51" t="str">
            <v>DUARTE DE ALMADA</v>
          </cell>
          <cell r="D51" t="str">
            <v>776930</v>
          </cell>
          <cell r="E51">
            <v>2519000</v>
          </cell>
          <cell r="F51" t="str">
            <v>PP</v>
          </cell>
          <cell r="H51" t="str">
            <v>DACTILOGRAFO</v>
          </cell>
        </row>
        <row r="52">
          <cell r="B52" t="str">
            <v>JUZGADO 1RA. INST. TUT. Y CORREC. DEL MENOR</v>
          </cell>
          <cell r="F52" t="str">
            <v>DP</v>
          </cell>
        </row>
        <row r="53">
          <cell r="B53" t="str">
            <v>VACANTE</v>
          </cell>
          <cell r="C53" t="str">
            <v/>
          </cell>
          <cell r="D53" t="str">
            <v>617839</v>
          </cell>
          <cell r="F53" t="str">
            <v>PP</v>
          </cell>
          <cell r="G53">
            <v>2519010</v>
          </cell>
          <cell r="H53" t="str">
            <v>JUEZ</v>
          </cell>
        </row>
        <row r="54">
          <cell r="B54" t="str">
            <v>VACANTE</v>
          </cell>
          <cell r="C54" t="str">
            <v/>
          </cell>
          <cell r="D54" t="str">
            <v>452531</v>
          </cell>
          <cell r="F54" t="str">
            <v>PP</v>
          </cell>
          <cell r="G54">
            <v>2519020</v>
          </cell>
          <cell r="H54" t="str">
            <v>SECRETARIO</v>
          </cell>
        </row>
        <row r="55">
          <cell r="B55" t="str">
            <v>VACANTE</v>
          </cell>
          <cell r="C55" t="str">
            <v/>
          </cell>
          <cell r="D55" t="str">
            <v>1509433</v>
          </cell>
          <cell r="F55" t="str">
            <v>PP</v>
          </cell>
          <cell r="G55">
            <v>2519030</v>
          </cell>
          <cell r="H55" t="str">
            <v>SECRETARIO</v>
          </cell>
        </row>
        <row r="56">
          <cell r="B56" t="str">
            <v>VACANTE</v>
          </cell>
          <cell r="C56" t="str">
            <v/>
          </cell>
          <cell r="D56" t="str">
            <v>1163764</v>
          </cell>
          <cell r="F56" t="str">
            <v>PP</v>
          </cell>
          <cell r="G56">
            <v>2519040</v>
          </cell>
          <cell r="H56" t="str">
            <v>UJIER NOTIFICADOR</v>
          </cell>
        </row>
        <row r="57">
          <cell r="B57" t="str">
            <v>VACANTE</v>
          </cell>
          <cell r="C57" t="str">
            <v/>
          </cell>
          <cell r="D57" t="str">
            <v>937785</v>
          </cell>
          <cell r="F57" t="str">
            <v>PP</v>
          </cell>
          <cell r="G57">
            <v>2519050</v>
          </cell>
          <cell r="H57" t="str">
            <v>OFICIAL DE SECRETARI</v>
          </cell>
        </row>
        <row r="58">
          <cell r="B58" t="str">
            <v>VACANTE</v>
          </cell>
          <cell r="C58" t="str">
            <v/>
          </cell>
          <cell r="D58" t="str">
            <v>2053230</v>
          </cell>
          <cell r="F58" t="str">
            <v>PP</v>
          </cell>
          <cell r="G58">
            <v>2519060</v>
          </cell>
          <cell r="H58" t="str">
            <v>OFICIAL DE SECRETARI</v>
          </cell>
        </row>
        <row r="59">
          <cell r="B59" t="str">
            <v>VACANTE</v>
          </cell>
          <cell r="C59" t="str">
            <v/>
          </cell>
          <cell r="D59" t="str">
            <v>2277896</v>
          </cell>
          <cell r="F59" t="str">
            <v>PP</v>
          </cell>
          <cell r="G59">
            <v>2519070</v>
          </cell>
          <cell r="H59" t="str">
            <v>DACTILOGRAFO</v>
          </cell>
        </row>
        <row r="60">
          <cell r="B60" t="str">
            <v>VACANTE</v>
          </cell>
          <cell r="C60" t="str">
            <v/>
          </cell>
          <cell r="D60" t="str">
            <v>776930</v>
          </cell>
          <cell r="F60" t="str">
            <v>PP</v>
          </cell>
          <cell r="G60">
            <v>2519080</v>
          </cell>
          <cell r="H60" t="str">
            <v>DACTILOGRAFO</v>
          </cell>
        </row>
        <row r="61">
          <cell r="A61">
            <v>39</v>
          </cell>
          <cell r="B61" t="str">
            <v>TRIBUNAL DE SENTENCIA</v>
          </cell>
        </row>
        <row r="62">
          <cell r="A62">
            <v>40</v>
          </cell>
          <cell r="B62" t="str">
            <v>VACANTE</v>
          </cell>
          <cell r="E62">
            <v>2519100</v>
          </cell>
          <cell r="H62" t="str">
            <v>JUEZ EN LO PENAL</v>
          </cell>
        </row>
        <row r="63">
          <cell r="A63">
            <v>41</v>
          </cell>
          <cell r="B63" t="str">
            <v>VACANTE</v>
          </cell>
          <cell r="E63">
            <v>2519100</v>
          </cell>
          <cell r="H63" t="str">
            <v>JUEZ EN LO PENAL</v>
          </cell>
        </row>
        <row r="64">
          <cell r="A64">
            <v>42</v>
          </cell>
          <cell r="B64" t="str">
            <v>VACANTE</v>
          </cell>
          <cell r="E64">
            <v>2519100</v>
          </cell>
          <cell r="H64" t="str">
            <v>JUEZ EN LO PENAL</v>
          </cell>
        </row>
        <row r="65">
          <cell r="A65">
            <v>43</v>
          </cell>
          <cell r="B65" t="str">
            <v>VACANTE</v>
          </cell>
          <cell r="E65">
            <v>2519110</v>
          </cell>
          <cell r="H65" t="str">
            <v>SECRETARIO</v>
          </cell>
        </row>
        <row r="66">
          <cell r="A66">
            <v>44</v>
          </cell>
          <cell r="B66" t="str">
            <v>VACANTE</v>
          </cell>
          <cell r="E66">
            <v>2519120</v>
          </cell>
          <cell r="H66" t="str">
            <v>UJIER NOTIFICADOR</v>
          </cell>
        </row>
        <row r="67">
          <cell r="A67">
            <v>45</v>
          </cell>
          <cell r="B67" t="str">
            <v>VACANTE</v>
          </cell>
          <cell r="E67">
            <v>2519130</v>
          </cell>
          <cell r="H67" t="str">
            <v>OFICIAL DE SECRETARIA</v>
          </cell>
        </row>
        <row r="68">
          <cell r="A68">
            <v>46</v>
          </cell>
          <cell r="B68" t="str">
            <v>VACANTE</v>
          </cell>
          <cell r="E68">
            <v>2519140</v>
          </cell>
          <cell r="H68" t="str">
            <v>DACTILOGRAFO</v>
          </cell>
        </row>
        <row r="69">
          <cell r="A69">
            <v>47</v>
          </cell>
          <cell r="B69" t="str">
            <v>JUZGADO DE EJECUCION</v>
          </cell>
        </row>
        <row r="70">
          <cell r="A70">
            <v>48</v>
          </cell>
          <cell r="B70" t="str">
            <v>VACANTE</v>
          </cell>
          <cell r="E70">
            <v>2519160</v>
          </cell>
          <cell r="H70" t="str">
            <v>JUEZ  DE EJECUCIÓN</v>
          </cell>
        </row>
        <row r="71">
          <cell r="A71">
            <v>49</v>
          </cell>
          <cell r="B71" t="str">
            <v>VACANTE</v>
          </cell>
          <cell r="E71">
            <v>2519170</v>
          </cell>
          <cell r="H71" t="str">
            <v>SECRETARIO</v>
          </cell>
        </row>
        <row r="72">
          <cell r="A72">
            <v>50</v>
          </cell>
          <cell r="B72" t="str">
            <v>VACANTE</v>
          </cell>
          <cell r="E72">
            <v>2519180</v>
          </cell>
          <cell r="H72" t="str">
            <v>DACTILOGRAFO</v>
          </cell>
        </row>
        <row r="73">
          <cell r="A73">
            <v>51</v>
          </cell>
          <cell r="B73" t="str">
            <v>VACANTE</v>
          </cell>
          <cell r="E73">
            <v>2519190</v>
          </cell>
          <cell r="H73" t="str">
            <v>UJIER NOTIFICADOR</v>
          </cell>
        </row>
        <row r="74">
          <cell r="A74">
            <v>52</v>
          </cell>
          <cell r="B74" t="str">
            <v>VACANTE</v>
          </cell>
          <cell r="E74">
            <v>2519200</v>
          </cell>
          <cell r="H74" t="str">
            <v>ASISTENTE SOCIAL</v>
          </cell>
        </row>
        <row r="75">
          <cell r="A75">
            <v>53</v>
          </cell>
          <cell r="B75" t="str">
            <v>JUZG. 1RA. INST. CRIM. Y CORRECCIONAL (LIQUIDACION)</v>
          </cell>
          <cell r="F75" t="str">
            <v>DP</v>
          </cell>
        </row>
        <row r="76">
          <cell r="A76">
            <v>54</v>
          </cell>
          <cell r="B76" t="str">
            <v xml:space="preserve">NORMA ANGELICA </v>
          </cell>
          <cell r="C76" t="str">
            <v>JARA DE BENITEZ</v>
          </cell>
          <cell r="E76">
            <v>2521000</v>
          </cell>
          <cell r="H76" t="str">
            <v>JUEZ</v>
          </cell>
        </row>
        <row r="77">
          <cell r="A77">
            <v>55</v>
          </cell>
          <cell r="B77" t="str">
            <v>ANA MARIA</v>
          </cell>
          <cell r="C77" t="str">
            <v>BRITOS</v>
          </cell>
          <cell r="E77">
            <v>2522000</v>
          </cell>
          <cell r="H77" t="str">
            <v>SECRETARIO</v>
          </cell>
        </row>
        <row r="78">
          <cell r="A78">
            <v>56</v>
          </cell>
          <cell r="B78" t="str">
            <v>VACANTE</v>
          </cell>
          <cell r="E78">
            <v>2522000</v>
          </cell>
          <cell r="H78" t="str">
            <v>SECRETARIO</v>
          </cell>
        </row>
        <row r="79">
          <cell r="A79">
            <v>57</v>
          </cell>
          <cell r="B79" t="str">
            <v>EFRAIN</v>
          </cell>
          <cell r="C79" t="str">
            <v>SAMUDIO</v>
          </cell>
          <cell r="E79">
            <v>2522000</v>
          </cell>
          <cell r="H79" t="str">
            <v>SECRETARIO</v>
          </cell>
        </row>
        <row r="80">
          <cell r="A80">
            <v>58</v>
          </cell>
          <cell r="B80" t="str">
            <v>VACANTE</v>
          </cell>
          <cell r="E80">
            <v>2522000</v>
          </cell>
          <cell r="H80" t="str">
            <v>SECRETARIO</v>
          </cell>
        </row>
        <row r="81">
          <cell r="A81">
            <v>59</v>
          </cell>
          <cell r="B81" t="str">
            <v>CARLOS DEJESUS</v>
          </cell>
          <cell r="C81" t="str">
            <v>LEGAL ARMOA</v>
          </cell>
          <cell r="E81">
            <v>2523000</v>
          </cell>
          <cell r="H81" t="str">
            <v>OFICIAL DE SECRETARIA</v>
          </cell>
        </row>
        <row r="82">
          <cell r="A82">
            <v>60</v>
          </cell>
          <cell r="B82" t="str">
            <v>HILDA E.</v>
          </cell>
          <cell r="C82" t="str">
            <v>ANDINO DE JIMENEZ</v>
          </cell>
          <cell r="E82">
            <v>2523000</v>
          </cell>
          <cell r="H82" t="str">
            <v>OFICIAL DE SECRETARIA</v>
          </cell>
        </row>
        <row r="83">
          <cell r="A83">
            <v>61</v>
          </cell>
          <cell r="B83" t="str">
            <v>HECTOR ARMANDO</v>
          </cell>
          <cell r="C83" t="str">
            <v xml:space="preserve">VILLALBA </v>
          </cell>
          <cell r="E83">
            <v>2523000</v>
          </cell>
          <cell r="H83" t="str">
            <v>OFICIAL DE SECRETARIA</v>
          </cell>
        </row>
        <row r="84">
          <cell r="A84">
            <v>62</v>
          </cell>
          <cell r="B84" t="str">
            <v>MIRIAN STELLA</v>
          </cell>
          <cell r="C84" t="str">
            <v>CHAPARRO DE MATTO</v>
          </cell>
          <cell r="E84">
            <v>2523000</v>
          </cell>
          <cell r="H84" t="str">
            <v>OFICIAL DE SECRETARIA</v>
          </cell>
        </row>
        <row r="85">
          <cell r="A85">
            <v>63</v>
          </cell>
          <cell r="B85" t="str">
            <v>VACANTE</v>
          </cell>
          <cell r="E85">
            <v>2524000</v>
          </cell>
          <cell r="H85" t="str">
            <v>DACTILOGRAFO</v>
          </cell>
        </row>
        <row r="86">
          <cell r="A86">
            <v>64</v>
          </cell>
          <cell r="B86" t="str">
            <v>VANESSA CAROLINA</v>
          </cell>
          <cell r="C86" t="str">
            <v>MIÑO FERNANDEZ</v>
          </cell>
          <cell r="E86">
            <v>2524000</v>
          </cell>
          <cell r="H86" t="str">
            <v>DACTILOGRAFO</v>
          </cell>
        </row>
        <row r="87">
          <cell r="A87">
            <v>65</v>
          </cell>
          <cell r="B87" t="str">
            <v xml:space="preserve">LILIAN </v>
          </cell>
          <cell r="C87" t="str">
            <v>MERCADO</v>
          </cell>
          <cell r="E87">
            <v>2524000</v>
          </cell>
          <cell r="H87" t="str">
            <v>DACTILOGRAFO</v>
          </cell>
        </row>
        <row r="88">
          <cell r="A88">
            <v>66</v>
          </cell>
          <cell r="B88" t="str">
            <v xml:space="preserve">HUGO DANIEL </v>
          </cell>
          <cell r="C88" t="str">
            <v xml:space="preserve">ANDINO  </v>
          </cell>
          <cell r="E88">
            <v>2524000</v>
          </cell>
          <cell r="H88" t="str">
            <v>DACTILOGRAFO</v>
          </cell>
        </row>
        <row r="89">
          <cell r="A89">
            <v>67</v>
          </cell>
          <cell r="B89" t="str">
            <v>CARMEN ALICIA</v>
          </cell>
          <cell r="C89" t="str">
            <v>BAEZ VAZQUEZ</v>
          </cell>
          <cell r="E89">
            <v>2525000</v>
          </cell>
          <cell r="H89" t="str">
            <v>UJIER</v>
          </cell>
        </row>
        <row r="90">
          <cell r="A90">
            <v>68</v>
          </cell>
          <cell r="B90" t="str">
            <v>VALENTIN</v>
          </cell>
          <cell r="C90" t="str">
            <v>FERNANDEZ FERREIRA</v>
          </cell>
          <cell r="E90">
            <v>2525000</v>
          </cell>
          <cell r="H90" t="str">
            <v>UJIER</v>
          </cell>
        </row>
        <row r="91">
          <cell r="A91">
            <v>69</v>
          </cell>
          <cell r="B91" t="str">
            <v>MINISTERIO DE DEFENSA PUBLICA</v>
          </cell>
          <cell r="F91" t="str">
            <v>DP</v>
          </cell>
        </row>
        <row r="92">
          <cell r="A92">
            <v>70</v>
          </cell>
          <cell r="B92" t="str">
            <v>BIENVENIDO</v>
          </cell>
          <cell r="C92" t="str">
            <v>GONZALEZ ENRIQUEZ</v>
          </cell>
          <cell r="D92" t="str">
            <v>409392</v>
          </cell>
          <cell r="E92">
            <v>2527000</v>
          </cell>
          <cell r="F92" t="str">
            <v>PP</v>
          </cell>
          <cell r="H92" t="str">
            <v>DEFENSOR DE REOS POB</v>
          </cell>
        </row>
        <row r="93">
          <cell r="A93">
            <v>71</v>
          </cell>
          <cell r="B93" t="str">
            <v>DANIEL</v>
          </cell>
          <cell r="C93" t="str">
            <v>DIEZ BARRIOS</v>
          </cell>
          <cell r="D93" t="str">
            <v>804959</v>
          </cell>
          <cell r="E93">
            <v>2527000</v>
          </cell>
          <cell r="F93" t="str">
            <v>PP</v>
          </cell>
          <cell r="H93" t="str">
            <v>DEFENSOR</v>
          </cell>
        </row>
        <row r="94">
          <cell r="A94">
            <v>73</v>
          </cell>
          <cell r="B94" t="str">
            <v>EDGAR</v>
          </cell>
          <cell r="C94" t="str">
            <v>LEZCANO P.</v>
          </cell>
          <cell r="D94" t="str">
            <v>1091709</v>
          </cell>
          <cell r="E94">
            <v>2528000</v>
          </cell>
          <cell r="F94" t="str">
            <v>PP</v>
          </cell>
          <cell r="H94" t="str">
            <v>SECRETARIO</v>
          </cell>
        </row>
        <row r="95">
          <cell r="A95">
            <v>74</v>
          </cell>
          <cell r="B95" t="str">
            <v>TERESITA</v>
          </cell>
          <cell r="C95" t="str">
            <v>ORTELLADO</v>
          </cell>
          <cell r="D95" t="str">
            <v>1237729</v>
          </cell>
          <cell r="E95">
            <v>2528000</v>
          </cell>
          <cell r="F95" t="str">
            <v>PP</v>
          </cell>
          <cell r="H95" t="str">
            <v>SECRETARIO</v>
          </cell>
        </row>
        <row r="96">
          <cell r="A96">
            <v>76</v>
          </cell>
          <cell r="B96" t="str">
            <v>CLAUDIO ANTONIO</v>
          </cell>
          <cell r="C96" t="str">
            <v>VILLALBA BRITEZ</v>
          </cell>
          <cell r="D96" t="str">
            <v>1256158</v>
          </cell>
          <cell r="E96">
            <v>2529000</v>
          </cell>
          <cell r="F96" t="str">
            <v>PP</v>
          </cell>
          <cell r="H96" t="str">
            <v>DACTILOGRAFO</v>
          </cell>
        </row>
        <row r="97">
          <cell r="A97">
            <v>78</v>
          </cell>
          <cell r="B97" t="str">
            <v>CYNTHIA JUDITH</v>
          </cell>
          <cell r="C97" t="str">
            <v>RAMIREZ DE MELGAREJO</v>
          </cell>
          <cell r="D97" t="str">
            <v>1009689</v>
          </cell>
          <cell r="E97">
            <v>2530000</v>
          </cell>
          <cell r="F97" t="str">
            <v>PP</v>
          </cell>
          <cell r="H97" t="str">
            <v>DEFENSOR</v>
          </cell>
        </row>
        <row r="98">
          <cell r="A98">
            <v>79</v>
          </cell>
          <cell r="B98" t="str">
            <v>JANICE MARIA DEL ROSIO</v>
          </cell>
          <cell r="C98" t="str">
            <v>AYALA DE IRALA</v>
          </cell>
          <cell r="D98" t="str">
            <v>711989</v>
          </cell>
          <cell r="E98">
            <v>2530000</v>
          </cell>
          <cell r="F98" t="str">
            <v>PP</v>
          </cell>
          <cell r="H98" t="str">
            <v>DEFENSOR</v>
          </cell>
        </row>
        <row r="99">
          <cell r="A99">
            <v>80</v>
          </cell>
          <cell r="B99" t="str">
            <v>V A C A N T E</v>
          </cell>
          <cell r="E99">
            <v>2531000</v>
          </cell>
          <cell r="F99" t="str">
            <v>VP</v>
          </cell>
          <cell r="H99" t="str">
            <v>SECRETARIO</v>
          </cell>
        </row>
        <row r="100">
          <cell r="A100">
            <v>81</v>
          </cell>
          <cell r="B100" t="str">
            <v>V A C A N T E</v>
          </cell>
          <cell r="E100">
            <v>2532000</v>
          </cell>
          <cell r="F100" t="str">
            <v>VP</v>
          </cell>
          <cell r="H100" t="str">
            <v>DACTILOGRAFO</v>
          </cell>
        </row>
        <row r="101">
          <cell r="A101">
            <v>82</v>
          </cell>
          <cell r="B101" t="str">
            <v>V A C A N T E</v>
          </cell>
          <cell r="E101">
            <v>2532000</v>
          </cell>
          <cell r="F101" t="str">
            <v>VP</v>
          </cell>
          <cell r="H101" t="str">
            <v>DACTILOGRAFO</v>
          </cell>
        </row>
        <row r="102">
          <cell r="A102">
            <v>83</v>
          </cell>
          <cell r="B102" t="str">
            <v>SERVICIO MEDICO LEGAL</v>
          </cell>
          <cell r="F102" t="str">
            <v>DP</v>
          </cell>
        </row>
        <row r="103">
          <cell r="A103">
            <v>84</v>
          </cell>
          <cell r="B103" t="str">
            <v>MARIO</v>
          </cell>
          <cell r="C103" t="str">
            <v>VAZQUEZ ESTIGARRIBIA</v>
          </cell>
          <cell r="D103" t="str">
            <v>318706</v>
          </cell>
          <cell r="E103">
            <v>2534000</v>
          </cell>
          <cell r="F103" t="str">
            <v>PP</v>
          </cell>
          <cell r="H103" t="str">
            <v>MEDICO FORENSE</v>
          </cell>
        </row>
        <row r="104">
          <cell r="A104">
            <v>85</v>
          </cell>
          <cell r="B104" t="str">
            <v>LIZY EMILSE</v>
          </cell>
          <cell r="C104" t="str">
            <v>BOGADO</v>
          </cell>
          <cell r="D104" t="str">
            <v>2494321</v>
          </cell>
          <cell r="E104">
            <v>2535000</v>
          </cell>
          <cell r="F104" t="str">
            <v>PP</v>
          </cell>
          <cell r="H104" t="str">
            <v>SECRETARIO</v>
          </cell>
        </row>
        <row r="105">
          <cell r="A105">
            <v>86</v>
          </cell>
          <cell r="B105" t="str">
            <v>JUZG. 1RA. INST. CRIMINAL Y CORRECCIONAL</v>
          </cell>
          <cell r="F105" t="str">
            <v>DP</v>
          </cell>
        </row>
        <row r="106">
          <cell r="A106">
            <v>87</v>
          </cell>
          <cell r="B106" t="str">
            <v>RUBEN DARIO</v>
          </cell>
          <cell r="C106" t="str">
            <v>TALAVERA FARIÑA</v>
          </cell>
          <cell r="E106">
            <v>2537000</v>
          </cell>
          <cell r="H106" t="str">
            <v>JUEZ</v>
          </cell>
        </row>
        <row r="107">
          <cell r="A107">
            <v>88</v>
          </cell>
          <cell r="B107" t="str">
            <v>EFRAIN</v>
          </cell>
          <cell r="C107" t="str">
            <v>SAMUDIO</v>
          </cell>
          <cell r="E107">
            <v>2538000</v>
          </cell>
          <cell r="H107" t="str">
            <v>SECRETARIO</v>
          </cell>
        </row>
        <row r="108">
          <cell r="A108">
            <v>89</v>
          </cell>
          <cell r="B108" t="str">
            <v>V A C A N T E</v>
          </cell>
          <cell r="E108">
            <v>2538000</v>
          </cell>
          <cell r="H108" t="str">
            <v>SECRETARIO</v>
          </cell>
        </row>
        <row r="109">
          <cell r="A109">
            <v>90</v>
          </cell>
          <cell r="B109" t="str">
            <v>HECTOR ARMANDO</v>
          </cell>
          <cell r="C109" t="str">
            <v>VILLALBA</v>
          </cell>
          <cell r="E109">
            <v>2539000</v>
          </cell>
          <cell r="H109" t="str">
            <v>OFICAL DE SECRETARIA</v>
          </cell>
        </row>
        <row r="110">
          <cell r="A110">
            <v>91</v>
          </cell>
          <cell r="B110" t="str">
            <v>MIRIAN STELLA</v>
          </cell>
          <cell r="C110" t="str">
            <v>CHAPARRO DE MATTO</v>
          </cell>
          <cell r="E110">
            <v>2539000</v>
          </cell>
          <cell r="H110" t="str">
            <v>OFICAL DE SECRETARIA</v>
          </cell>
        </row>
        <row r="111">
          <cell r="A111">
            <v>92</v>
          </cell>
          <cell r="B111" t="str">
            <v>LILIAN</v>
          </cell>
          <cell r="C111" t="str">
            <v>MERCADO</v>
          </cell>
          <cell r="E111">
            <v>2540000</v>
          </cell>
          <cell r="H111" t="str">
            <v>DACTILOGRAFO</v>
          </cell>
        </row>
        <row r="112">
          <cell r="A112">
            <v>93</v>
          </cell>
          <cell r="B112" t="str">
            <v>HUGO DANIEL</v>
          </cell>
          <cell r="C112" t="str">
            <v>ANDINO</v>
          </cell>
          <cell r="E112">
            <v>2540000</v>
          </cell>
          <cell r="H112" t="str">
            <v>DACTILOGRAFO</v>
          </cell>
        </row>
        <row r="113">
          <cell r="A113">
            <v>94</v>
          </cell>
          <cell r="B113" t="str">
            <v>VALENTIN FERNANDEZ</v>
          </cell>
          <cell r="C113" t="str">
            <v>FERREIRA</v>
          </cell>
          <cell r="E113">
            <v>2541000</v>
          </cell>
          <cell r="H113" t="str">
            <v>UJIER</v>
          </cell>
        </row>
        <row r="114">
          <cell r="A114">
            <v>95</v>
          </cell>
          <cell r="B114" t="str">
            <v>JUZG. 1RA. INST. C.C. CAAZAPA</v>
          </cell>
          <cell r="F114" t="str">
            <v>DP</v>
          </cell>
        </row>
        <row r="115">
          <cell r="A115">
            <v>96</v>
          </cell>
          <cell r="B115" t="str">
            <v>TERESA ISABEL</v>
          </cell>
          <cell r="C115" t="str">
            <v>DOLDAN ORIHUELA</v>
          </cell>
          <cell r="D115" t="str">
            <v>345512</v>
          </cell>
          <cell r="E115">
            <v>2543000</v>
          </cell>
          <cell r="F115" t="str">
            <v>PP</v>
          </cell>
          <cell r="H115" t="str">
            <v>JUEZ</v>
          </cell>
        </row>
        <row r="116">
          <cell r="A116">
            <v>97</v>
          </cell>
          <cell r="B116" t="str">
            <v>IVON ESTEBAN</v>
          </cell>
          <cell r="C116" t="str">
            <v>FLORES</v>
          </cell>
          <cell r="D116" t="str">
            <v>1653630</v>
          </cell>
          <cell r="E116">
            <v>2544000</v>
          </cell>
          <cell r="F116" t="str">
            <v>PP</v>
          </cell>
          <cell r="H116" t="str">
            <v>SECRETARIO</v>
          </cell>
        </row>
        <row r="117">
          <cell r="A117">
            <v>98</v>
          </cell>
          <cell r="B117" t="str">
            <v>ULISES DEJESUS</v>
          </cell>
          <cell r="C117" t="str">
            <v>GIMENEZ ZARATE</v>
          </cell>
          <cell r="D117" t="str">
            <v>1052790</v>
          </cell>
          <cell r="E117">
            <v>2544000</v>
          </cell>
          <cell r="F117" t="str">
            <v>PP</v>
          </cell>
          <cell r="H117" t="str">
            <v>SECRETARIO</v>
          </cell>
        </row>
        <row r="118">
          <cell r="A118">
            <v>99</v>
          </cell>
          <cell r="B118" t="str">
            <v>MARIA ALICIA</v>
          </cell>
          <cell r="C118" t="str">
            <v>FARIÑA DE VAZQUEZ</v>
          </cell>
          <cell r="D118" t="str">
            <v>1307282</v>
          </cell>
          <cell r="E118">
            <v>2545000</v>
          </cell>
          <cell r="F118" t="str">
            <v>PP</v>
          </cell>
          <cell r="H118" t="str">
            <v>OFICAL DE SECRETARIA</v>
          </cell>
        </row>
        <row r="119">
          <cell r="A119">
            <v>100</v>
          </cell>
          <cell r="B119" t="str">
            <v>LUIS A.</v>
          </cell>
          <cell r="C119" t="str">
            <v>CRISTALDO VILLALBA</v>
          </cell>
          <cell r="D119" t="str">
            <v>941179</v>
          </cell>
          <cell r="E119">
            <v>2545000</v>
          </cell>
          <cell r="F119" t="str">
            <v>PP</v>
          </cell>
          <cell r="H119" t="str">
            <v>OFICAL DE SECRETARIA</v>
          </cell>
        </row>
        <row r="120">
          <cell r="A120">
            <v>101</v>
          </cell>
          <cell r="B120" t="str">
            <v>DORA</v>
          </cell>
          <cell r="C120" t="str">
            <v>BENITEZ ORTIZ</v>
          </cell>
          <cell r="D120" t="str">
            <v>929777</v>
          </cell>
          <cell r="E120">
            <v>2546000</v>
          </cell>
          <cell r="F120" t="str">
            <v>PP</v>
          </cell>
          <cell r="H120" t="str">
            <v>DACTILOGRAFO</v>
          </cell>
        </row>
        <row r="121">
          <cell r="A121">
            <v>102</v>
          </cell>
          <cell r="B121" t="str">
            <v>JAIME JORGE</v>
          </cell>
          <cell r="C121" t="str">
            <v>BAREIRO</v>
          </cell>
          <cell r="D121" t="str">
            <v>2984068</v>
          </cell>
          <cell r="E121">
            <v>2546000</v>
          </cell>
          <cell r="F121" t="str">
            <v>PP</v>
          </cell>
          <cell r="H121" t="str">
            <v>DACTILOGRAFO</v>
          </cell>
        </row>
        <row r="122">
          <cell r="A122">
            <v>103</v>
          </cell>
          <cell r="B122" t="str">
            <v>JUAN HUGO</v>
          </cell>
          <cell r="C122" t="str">
            <v>LEIVA ARZAMENDIA</v>
          </cell>
          <cell r="D122" t="str">
            <v>279032</v>
          </cell>
          <cell r="E122">
            <v>2547000</v>
          </cell>
          <cell r="F122" t="str">
            <v>PP</v>
          </cell>
          <cell r="H122" t="str">
            <v>UJIER</v>
          </cell>
        </row>
        <row r="123">
          <cell r="A123">
            <v>104</v>
          </cell>
          <cell r="B123" t="str">
            <v>JUZG. 1RA. INST.CRIMINAL CAAZAPA</v>
          </cell>
          <cell r="F123" t="str">
            <v>DP</v>
          </cell>
        </row>
        <row r="124">
          <cell r="A124">
            <v>105</v>
          </cell>
          <cell r="B124" t="str">
            <v>LILIA BEATRIZ ANTONIA</v>
          </cell>
          <cell r="C124" t="str">
            <v>GARCETE DE GONZALEZ</v>
          </cell>
          <cell r="D124" t="str">
            <v>269984</v>
          </cell>
          <cell r="E124">
            <v>2549000</v>
          </cell>
          <cell r="F124" t="str">
            <v>PP</v>
          </cell>
          <cell r="H124" t="str">
            <v>JUEZ</v>
          </cell>
        </row>
        <row r="125">
          <cell r="A125">
            <v>106</v>
          </cell>
          <cell r="B125" t="str">
            <v>WALTER CLARO</v>
          </cell>
          <cell r="C125" t="str">
            <v>BORJA AGUILAR</v>
          </cell>
          <cell r="D125" t="str">
            <v>1293489</v>
          </cell>
          <cell r="E125">
            <v>2550000</v>
          </cell>
          <cell r="F125" t="str">
            <v>PP</v>
          </cell>
          <cell r="H125" t="str">
            <v>SECRETARIO</v>
          </cell>
        </row>
        <row r="126">
          <cell r="A126">
            <v>107</v>
          </cell>
          <cell r="B126" t="str">
            <v>GLADYS ELENA</v>
          </cell>
          <cell r="C126" t="str">
            <v>JIMENEZ RUIZ</v>
          </cell>
          <cell r="D126" t="str">
            <v>1101263</v>
          </cell>
          <cell r="E126">
            <v>2550000</v>
          </cell>
          <cell r="F126" t="str">
            <v>PP</v>
          </cell>
          <cell r="H126" t="str">
            <v>SECRETARIO</v>
          </cell>
        </row>
        <row r="127">
          <cell r="A127">
            <v>108</v>
          </cell>
          <cell r="B127" t="str">
            <v>GUSTAVO ALBERTO</v>
          </cell>
          <cell r="C127" t="str">
            <v>BATAGLIA</v>
          </cell>
          <cell r="D127" t="str">
            <v>1256122</v>
          </cell>
          <cell r="E127">
            <v>2551000</v>
          </cell>
          <cell r="F127" t="str">
            <v>PP</v>
          </cell>
          <cell r="H127" t="str">
            <v>OFICAL DE SECRETARIA</v>
          </cell>
        </row>
        <row r="128">
          <cell r="A128">
            <v>109</v>
          </cell>
          <cell r="B128" t="str">
            <v>MARCOS EURILO</v>
          </cell>
          <cell r="C128" t="str">
            <v>ESCURRA PAIVA</v>
          </cell>
          <cell r="D128" t="str">
            <v>2632735</v>
          </cell>
          <cell r="E128">
            <v>2551000</v>
          </cell>
          <cell r="F128" t="str">
            <v>PP</v>
          </cell>
          <cell r="H128" t="str">
            <v>OFICAL DE SECRETARIA</v>
          </cell>
        </row>
        <row r="129">
          <cell r="A129">
            <v>110</v>
          </cell>
          <cell r="B129" t="str">
            <v>ANDRES FRANCISCO</v>
          </cell>
          <cell r="C129" t="str">
            <v>ARGUELLO ROMAN</v>
          </cell>
          <cell r="D129" t="str">
            <v>1454769</v>
          </cell>
          <cell r="E129">
            <v>2552000</v>
          </cell>
          <cell r="F129" t="str">
            <v>PP</v>
          </cell>
          <cell r="H129" t="str">
            <v>DACTILOGRAFO</v>
          </cell>
        </row>
        <row r="130">
          <cell r="A130">
            <v>111</v>
          </cell>
          <cell r="B130" t="str">
            <v>ANTONIO</v>
          </cell>
          <cell r="C130" t="str">
            <v>MOLINAS ARMOA</v>
          </cell>
          <cell r="D130" t="str">
            <v>678914</v>
          </cell>
          <cell r="E130">
            <v>2552000</v>
          </cell>
          <cell r="F130" t="str">
            <v>PP</v>
          </cell>
          <cell r="H130" t="str">
            <v>DACTILOGRAFO</v>
          </cell>
        </row>
        <row r="131">
          <cell r="A131">
            <v>112</v>
          </cell>
          <cell r="B131" t="str">
            <v>CARLOS MARIA</v>
          </cell>
          <cell r="C131" t="str">
            <v>ALDERETE F.</v>
          </cell>
          <cell r="D131" t="str">
            <v>940160</v>
          </cell>
          <cell r="E131">
            <v>2553000</v>
          </cell>
          <cell r="F131" t="str">
            <v>PP</v>
          </cell>
          <cell r="H131" t="str">
            <v>UJIER</v>
          </cell>
        </row>
        <row r="132">
          <cell r="A132">
            <v>113</v>
          </cell>
          <cell r="B132" t="str">
            <v>JUZGADO EN LO PENAL</v>
          </cell>
        </row>
        <row r="133">
          <cell r="A133">
            <v>114</v>
          </cell>
          <cell r="B133" t="str">
            <v>RUBEN DARIO</v>
          </cell>
          <cell r="C133" t="str">
            <v>TALAVERA FARIÑA</v>
          </cell>
          <cell r="E133">
            <v>2553100</v>
          </cell>
          <cell r="H133" t="str">
            <v>JUEZ EN LO PENAL</v>
          </cell>
        </row>
        <row r="134">
          <cell r="A134">
            <v>115</v>
          </cell>
          <cell r="B134" t="str">
            <v>VACANTE</v>
          </cell>
          <cell r="E134">
            <v>2553105</v>
          </cell>
          <cell r="H134" t="str">
            <v>JUEZ EN LO PENAL</v>
          </cell>
        </row>
        <row r="135">
          <cell r="A135">
            <v>116</v>
          </cell>
          <cell r="B135" t="str">
            <v>VACANTE</v>
          </cell>
          <cell r="E135">
            <v>2553105</v>
          </cell>
          <cell r="H135" t="str">
            <v>JUEZ EN LO PENAL</v>
          </cell>
        </row>
        <row r="136">
          <cell r="A136">
            <v>117</v>
          </cell>
          <cell r="B136" t="str">
            <v>VACANTE</v>
          </cell>
          <cell r="E136">
            <v>2553110</v>
          </cell>
          <cell r="H136" t="str">
            <v>SECRETARIO</v>
          </cell>
        </row>
        <row r="137">
          <cell r="A137">
            <v>118</v>
          </cell>
          <cell r="B137" t="str">
            <v>VACANTE</v>
          </cell>
          <cell r="E137">
            <v>2553110</v>
          </cell>
          <cell r="H137" t="str">
            <v>SECRETARIO</v>
          </cell>
        </row>
        <row r="138">
          <cell r="A138">
            <v>119</v>
          </cell>
          <cell r="B138" t="str">
            <v>VACANTE</v>
          </cell>
          <cell r="E138">
            <v>2553110</v>
          </cell>
          <cell r="H138" t="str">
            <v>SECRETARIO</v>
          </cell>
        </row>
        <row r="139">
          <cell r="A139">
            <v>120</v>
          </cell>
          <cell r="B139" t="str">
            <v>VACANTE</v>
          </cell>
          <cell r="E139">
            <v>2553120</v>
          </cell>
          <cell r="H139" t="str">
            <v>UJIER NOTIFICADOR</v>
          </cell>
        </row>
        <row r="140">
          <cell r="A140">
            <v>121</v>
          </cell>
          <cell r="B140" t="str">
            <v>VACANTE</v>
          </cell>
          <cell r="E140">
            <v>2553120</v>
          </cell>
          <cell r="H140" t="str">
            <v>UJIER NOTIFICADOR</v>
          </cell>
        </row>
        <row r="141">
          <cell r="A141">
            <v>122</v>
          </cell>
          <cell r="B141" t="str">
            <v>VACANTE</v>
          </cell>
          <cell r="E141">
            <v>2553120</v>
          </cell>
          <cell r="H141" t="str">
            <v>UJIER NOTIFICADOR</v>
          </cell>
        </row>
        <row r="142">
          <cell r="A142">
            <v>123</v>
          </cell>
          <cell r="B142" t="str">
            <v>VACANTE</v>
          </cell>
          <cell r="E142">
            <v>2553130</v>
          </cell>
          <cell r="H142" t="str">
            <v>OFICIAL DE SECRETARIA</v>
          </cell>
        </row>
        <row r="143">
          <cell r="A143">
            <v>124</v>
          </cell>
          <cell r="B143" t="str">
            <v>VACANTE</v>
          </cell>
          <cell r="E143">
            <v>2553130</v>
          </cell>
          <cell r="H143" t="str">
            <v>OFICIAL DE SECRETARIA</v>
          </cell>
        </row>
        <row r="144">
          <cell r="A144">
            <v>125</v>
          </cell>
          <cell r="B144" t="str">
            <v>VACANTE</v>
          </cell>
          <cell r="E144">
            <v>2553130</v>
          </cell>
          <cell r="H144" t="str">
            <v>OFICIAL DE SECRETARIA</v>
          </cell>
        </row>
        <row r="145">
          <cell r="A145">
            <v>126</v>
          </cell>
          <cell r="B145" t="str">
            <v>VACANTE</v>
          </cell>
          <cell r="E145">
            <v>2553140</v>
          </cell>
          <cell r="H145" t="str">
            <v>DACTILOGRAFO</v>
          </cell>
        </row>
        <row r="146">
          <cell r="A146">
            <v>127</v>
          </cell>
          <cell r="B146" t="str">
            <v>VACANTE</v>
          </cell>
          <cell r="E146">
            <v>2553140</v>
          </cell>
          <cell r="H146" t="str">
            <v>DACTILOGRAFO</v>
          </cell>
        </row>
        <row r="147">
          <cell r="A147">
            <v>128</v>
          </cell>
          <cell r="B147" t="str">
            <v>VACANTE</v>
          </cell>
          <cell r="E147">
            <v>2553140</v>
          </cell>
          <cell r="H147" t="str">
            <v>DACTILOGRAFO</v>
          </cell>
        </row>
        <row r="148">
          <cell r="A148">
            <v>129</v>
          </cell>
          <cell r="B148" t="str">
            <v>MINISTERIO DE LA DEFENSA PUBLICA</v>
          </cell>
          <cell r="F148" t="str">
            <v>DP</v>
          </cell>
        </row>
        <row r="149">
          <cell r="A149">
            <v>130</v>
          </cell>
          <cell r="B149" t="str">
            <v>SEBASTIAN</v>
          </cell>
          <cell r="C149" t="str">
            <v>FERNANDEZ AGUILAR</v>
          </cell>
          <cell r="D149" t="str">
            <v>583975</v>
          </cell>
          <cell r="E149">
            <v>2555000</v>
          </cell>
          <cell r="F149" t="str">
            <v>PP</v>
          </cell>
          <cell r="H149" t="str">
            <v>DEFENSOR</v>
          </cell>
        </row>
        <row r="150">
          <cell r="A150">
            <v>131</v>
          </cell>
          <cell r="B150" t="str">
            <v>FEDERICO DERLIS</v>
          </cell>
          <cell r="C150" t="str">
            <v>ESPINOZA ESPINOLA</v>
          </cell>
          <cell r="D150" t="str">
            <v>1555812</v>
          </cell>
          <cell r="E150">
            <v>2555000</v>
          </cell>
          <cell r="F150" t="str">
            <v>PP</v>
          </cell>
          <cell r="H150" t="str">
            <v>DEFENSOR</v>
          </cell>
        </row>
        <row r="151">
          <cell r="A151">
            <v>132</v>
          </cell>
          <cell r="B151" t="str">
            <v>SARA</v>
          </cell>
          <cell r="C151" t="str">
            <v>MARECO DE CARDOZO</v>
          </cell>
          <cell r="D151" t="str">
            <v>1758822</v>
          </cell>
          <cell r="E151">
            <v>2556000</v>
          </cell>
          <cell r="F151" t="str">
            <v>PP</v>
          </cell>
          <cell r="H151" t="str">
            <v>SECRETARIO</v>
          </cell>
        </row>
        <row r="152">
          <cell r="A152">
            <v>133</v>
          </cell>
          <cell r="B152" t="str">
            <v>V A C A N T E</v>
          </cell>
          <cell r="E152">
            <v>2557000</v>
          </cell>
          <cell r="F152" t="str">
            <v>VP</v>
          </cell>
          <cell r="H152" t="str">
            <v>DACTILOGRAFO</v>
          </cell>
        </row>
        <row r="153">
          <cell r="A153">
            <v>134</v>
          </cell>
          <cell r="B153" t="str">
            <v>LUIS ARNALDO</v>
          </cell>
          <cell r="C153" t="str">
            <v>CRISTALDO VILLALBA</v>
          </cell>
          <cell r="D153" t="str">
            <v>941179</v>
          </cell>
          <cell r="E153">
            <v>2558000</v>
          </cell>
          <cell r="F153" t="str">
            <v>PP</v>
          </cell>
          <cell r="H153" t="str">
            <v>SECRETARIO</v>
          </cell>
        </row>
        <row r="154">
          <cell r="A154">
            <v>135</v>
          </cell>
          <cell r="B154" t="str">
            <v>V A C A N T E</v>
          </cell>
          <cell r="E154">
            <v>2559000</v>
          </cell>
          <cell r="F154" t="str">
            <v>VP</v>
          </cell>
          <cell r="H154" t="str">
            <v>DACTILOGRAFO</v>
          </cell>
        </row>
        <row r="155">
          <cell r="A155">
            <v>136</v>
          </cell>
          <cell r="B155" t="str">
            <v>SERVICIO MEDICO LEGAL DE CAAZAPA</v>
          </cell>
          <cell r="F155" t="str">
            <v>DP</v>
          </cell>
        </row>
        <row r="156">
          <cell r="A156">
            <v>137</v>
          </cell>
          <cell r="B156" t="str">
            <v>GUSTAVO JULIAN</v>
          </cell>
          <cell r="C156" t="str">
            <v>GINI ACUÑA</v>
          </cell>
          <cell r="D156" t="str">
            <v>1012343</v>
          </cell>
          <cell r="E156">
            <v>2561000</v>
          </cell>
          <cell r="F156" t="str">
            <v>PP</v>
          </cell>
          <cell r="H156" t="str">
            <v>MEDICO FORENSE</v>
          </cell>
        </row>
        <row r="157">
          <cell r="A157">
            <v>138</v>
          </cell>
          <cell r="B157" t="str">
            <v>V A C A N T E</v>
          </cell>
          <cell r="E157">
            <v>2562000</v>
          </cell>
          <cell r="F157" t="str">
            <v>VP</v>
          </cell>
          <cell r="H157" t="str">
            <v>SECRETARIO</v>
          </cell>
        </row>
        <row r="158">
          <cell r="A158">
            <v>139</v>
          </cell>
          <cell r="B158" t="str">
            <v>OFICINA ADMINISTRATIVA DE CAAZAPA</v>
          </cell>
          <cell r="F158" t="str">
            <v>DP</v>
          </cell>
        </row>
        <row r="159">
          <cell r="A159">
            <v>140</v>
          </cell>
          <cell r="B159" t="str">
            <v>V A C A N T E</v>
          </cell>
          <cell r="E159">
            <v>2564000</v>
          </cell>
          <cell r="F159" t="str">
            <v>VP</v>
          </cell>
          <cell r="H159" t="str">
            <v>ENCARGADO</v>
          </cell>
        </row>
        <row r="160">
          <cell r="A160">
            <v>141</v>
          </cell>
          <cell r="B160" t="str">
            <v>V A C A N T E</v>
          </cell>
          <cell r="E160">
            <v>2565000</v>
          </cell>
          <cell r="F160" t="str">
            <v>VP</v>
          </cell>
          <cell r="H160" t="str">
            <v>SERENO</v>
          </cell>
        </row>
        <row r="161">
          <cell r="B161" t="str">
            <v>V A C A N T E</v>
          </cell>
          <cell r="E161" t="str">
            <v/>
          </cell>
          <cell r="F161" t="str">
            <v>VP</v>
          </cell>
          <cell r="G161">
            <v>2565010</v>
          </cell>
          <cell r="H161" t="str">
            <v>FISCALIZADOR</v>
          </cell>
        </row>
        <row r="162">
          <cell r="B162" t="str">
            <v>V A C A N T E</v>
          </cell>
          <cell r="E162" t="str">
            <v/>
          </cell>
          <cell r="F162" t="str">
            <v>VP</v>
          </cell>
          <cell r="G162">
            <v>2565020</v>
          </cell>
          <cell r="H162" t="str">
            <v>TECNICO</v>
          </cell>
        </row>
        <row r="163">
          <cell r="B163" t="str">
            <v>V A C A N T E</v>
          </cell>
          <cell r="E163" t="str">
            <v/>
          </cell>
          <cell r="F163" t="str">
            <v>VP</v>
          </cell>
          <cell r="G163">
            <v>2565030</v>
          </cell>
          <cell r="H163" t="str">
            <v>CHOFER</v>
          </cell>
        </row>
        <row r="164">
          <cell r="B164" t="str">
            <v>V A C A N T E</v>
          </cell>
          <cell r="E164" t="str">
            <v/>
          </cell>
          <cell r="F164" t="str">
            <v>VP</v>
          </cell>
          <cell r="G164">
            <v>2565040</v>
          </cell>
          <cell r="H164" t="str">
            <v>TELEFONISTA</v>
          </cell>
        </row>
        <row r="165">
          <cell r="B165" t="str">
            <v>V A C A N T E</v>
          </cell>
          <cell r="E165" t="str">
            <v/>
          </cell>
          <cell r="F165" t="str">
            <v>VP</v>
          </cell>
          <cell r="G165">
            <v>2565050</v>
          </cell>
          <cell r="H165" t="str">
            <v>ORDENANZA</v>
          </cell>
        </row>
        <row r="166">
          <cell r="A166">
            <v>142</v>
          </cell>
          <cell r="B166" t="str">
            <v>OFICINA ADMINISTRATIVA</v>
          </cell>
          <cell r="F166" t="str">
            <v>DP</v>
          </cell>
        </row>
        <row r="167">
          <cell r="A167">
            <v>143</v>
          </cell>
          <cell r="B167" t="str">
            <v>DOLLY NADINA</v>
          </cell>
          <cell r="C167" t="str">
            <v>FARIÑA BARRIOS</v>
          </cell>
          <cell r="D167" t="str">
            <v>1347652</v>
          </cell>
          <cell r="E167">
            <v>2567000</v>
          </cell>
          <cell r="F167" t="str">
            <v>PP</v>
          </cell>
          <cell r="H167" t="str">
            <v>ADMINISTRADOR</v>
          </cell>
        </row>
        <row r="168">
          <cell r="A168">
            <v>144</v>
          </cell>
          <cell r="B168" t="str">
            <v>LUCIA ADELAIDA</v>
          </cell>
          <cell r="C168" t="str">
            <v>ECHAURI CAREAGA</v>
          </cell>
          <cell r="D168" t="str">
            <v>1074613</v>
          </cell>
          <cell r="E168">
            <v>2568000</v>
          </cell>
          <cell r="F168" t="str">
            <v>PP</v>
          </cell>
          <cell r="H168" t="str">
            <v>TECNICO</v>
          </cell>
        </row>
        <row r="169">
          <cell r="A169">
            <v>145</v>
          </cell>
          <cell r="B169" t="str">
            <v>SONIA RAQUEL</v>
          </cell>
          <cell r="C169" t="str">
            <v>BAEZ BOGADO</v>
          </cell>
          <cell r="D169" t="str">
            <v>1081019</v>
          </cell>
          <cell r="E169">
            <v>2569000</v>
          </cell>
          <cell r="F169" t="str">
            <v>PP</v>
          </cell>
          <cell r="H169" t="str">
            <v>SECRETARIO</v>
          </cell>
        </row>
        <row r="170">
          <cell r="A170">
            <v>146</v>
          </cell>
          <cell r="B170" t="str">
            <v>HERMINIO</v>
          </cell>
          <cell r="C170" t="str">
            <v>VEGA DUARTE</v>
          </cell>
          <cell r="D170" t="str">
            <v>1283624</v>
          </cell>
          <cell r="E170">
            <v>2570000</v>
          </cell>
          <cell r="F170" t="str">
            <v>PP</v>
          </cell>
          <cell r="H170" t="str">
            <v>SERENO</v>
          </cell>
        </row>
        <row r="171">
          <cell r="A171">
            <v>147</v>
          </cell>
          <cell r="B171" t="str">
            <v>DIONISIA</v>
          </cell>
          <cell r="C171" t="str">
            <v>QUINTANA DE GALEANO</v>
          </cell>
          <cell r="D171" t="str">
            <v>903254</v>
          </cell>
          <cell r="E171">
            <v>2571000</v>
          </cell>
          <cell r="F171" t="str">
            <v>PP</v>
          </cell>
          <cell r="H171" t="str">
            <v>LIMPIADOR</v>
          </cell>
        </row>
        <row r="172">
          <cell r="A172">
            <v>148</v>
          </cell>
          <cell r="B172" t="str">
            <v>OSCAR LUIS</v>
          </cell>
          <cell r="C172" t="str">
            <v>KEUDELL CASAUS</v>
          </cell>
          <cell r="D172" t="str">
            <v>851268</v>
          </cell>
          <cell r="E172">
            <v>2571000</v>
          </cell>
          <cell r="F172" t="str">
            <v>PP</v>
          </cell>
          <cell r="H172" t="str">
            <v>LIMPIADOR</v>
          </cell>
        </row>
        <row r="173">
          <cell r="A173">
            <v>149</v>
          </cell>
          <cell r="B173" t="str">
            <v>ANA DE JESUS</v>
          </cell>
          <cell r="C173" t="str">
            <v>ORTIZ R.</v>
          </cell>
          <cell r="D173" t="str">
            <v>433702</v>
          </cell>
          <cell r="E173">
            <v>2571000</v>
          </cell>
          <cell r="F173" t="str">
            <v>PP</v>
          </cell>
          <cell r="H173" t="str">
            <v>LIMPIADOR</v>
          </cell>
        </row>
        <row r="174">
          <cell r="A174">
            <v>150</v>
          </cell>
          <cell r="B174" t="str">
            <v>LIMPIA</v>
          </cell>
          <cell r="C174" t="str">
            <v>JOURDAN</v>
          </cell>
          <cell r="D174" t="str">
            <v>315068</v>
          </cell>
          <cell r="E174">
            <v>2571000</v>
          </cell>
          <cell r="F174" t="str">
            <v>PP</v>
          </cell>
          <cell r="H174" t="str">
            <v>LIMPIADOR</v>
          </cell>
        </row>
        <row r="175">
          <cell r="A175">
            <v>151</v>
          </cell>
          <cell r="B175" t="str">
            <v>MIRNA JOSEFA</v>
          </cell>
          <cell r="C175" t="str">
            <v>PEREIRA DE VILLALBA</v>
          </cell>
          <cell r="D175" t="str">
            <v>2147275</v>
          </cell>
          <cell r="E175">
            <v>2572000</v>
          </cell>
          <cell r="F175" t="str">
            <v>PP</v>
          </cell>
          <cell r="H175" t="str">
            <v>LIMPIADOR (CAAZAPA)</v>
          </cell>
        </row>
        <row r="176">
          <cell r="A176">
            <v>152</v>
          </cell>
          <cell r="B176" t="str">
            <v>CRISTIAN PAUL</v>
          </cell>
          <cell r="C176" t="str">
            <v>ALFONSO</v>
          </cell>
          <cell r="D176" t="str">
            <v>2236278</v>
          </cell>
          <cell r="E176">
            <v>2573000</v>
          </cell>
          <cell r="F176" t="str">
            <v>PP</v>
          </cell>
          <cell r="H176" t="str">
            <v>AUXILIAR</v>
          </cell>
        </row>
        <row r="177">
          <cell r="A177">
            <v>153</v>
          </cell>
          <cell r="B177" t="str">
            <v>MARIA SELVA</v>
          </cell>
          <cell r="C177" t="str">
            <v>RODRIGUEZ</v>
          </cell>
          <cell r="D177" t="str">
            <v>2175686</v>
          </cell>
          <cell r="E177">
            <v>2573000</v>
          </cell>
          <cell r="F177" t="str">
            <v>PP</v>
          </cell>
          <cell r="H177" t="str">
            <v>AUXILIAR</v>
          </cell>
        </row>
        <row r="178">
          <cell r="A178">
            <v>154</v>
          </cell>
          <cell r="B178" t="str">
            <v>NORMA AIDE</v>
          </cell>
          <cell r="C178" t="str">
            <v>GONZALEZ SILVERO</v>
          </cell>
          <cell r="D178" t="str">
            <v>2051207</v>
          </cell>
          <cell r="E178">
            <v>2573000</v>
          </cell>
          <cell r="F178" t="str">
            <v>PP</v>
          </cell>
          <cell r="H178" t="str">
            <v>AUXILIAR</v>
          </cell>
        </row>
        <row r="179">
          <cell r="A179">
            <v>155</v>
          </cell>
          <cell r="B179" t="str">
            <v>CHRISTIAN ARMANDO</v>
          </cell>
          <cell r="C179" t="str">
            <v>BOGADO BENITEZ</v>
          </cell>
          <cell r="D179" t="str">
            <v>2671145</v>
          </cell>
          <cell r="E179">
            <v>2574000</v>
          </cell>
          <cell r="F179" t="str">
            <v>PP</v>
          </cell>
          <cell r="H179" t="str">
            <v>ASISTENTE</v>
          </cell>
        </row>
        <row r="180">
          <cell r="A180">
            <v>156</v>
          </cell>
          <cell r="B180" t="str">
            <v>FERMINA ANTONIA</v>
          </cell>
          <cell r="C180" t="str">
            <v>GONZALEZ M.</v>
          </cell>
          <cell r="D180" t="str">
            <v>1237724</v>
          </cell>
          <cell r="E180">
            <v>2575000</v>
          </cell>
          <cell r="F180" t="str">
            <v>PP</v>
          </cell>
          <cell r="H180" t="str">
            <v>OPERADOR</v>
          </cell>
        </row>
        <row r="181">
          <cell r="A181">
            <v>157</v>
          </cell>
          <cell r="B181" t="str">
            <v>WALTER FREDDY</v>
          </cell>
          <cell r="C181" t="str">
            <v>FREITAS HAITTER</v>
          </cell>
          <cell r="D181" t="str">
            <v>1135940</v>
          </cell>
          <cell r="E181">
            <v>2576000</v>
          </cell>
          <cell r="F181" t="str">
            <v>PP</v>
          </cell>
          <cell r="H181" t="str">
            <v>FIS.TASAS JUDIC.</v>
          </cell>
        </row>
        <row r="182">
          <cell r="A182">
            <v>158</v>
          </cell>
          <cell r="B182" t="str">
            <v>ROSA MARIA</v>
          </cell>
          <cell r="C182" t="str">
            <v>MALLORQUIN DE BENITEZ</v>
          </cell>
          <cell r="D182" t="str">
            <v>1287050</v>
          </cell>
          <cell r="E182">
            <v>2577000</v>
          </cell>
          <cell r="F182" t="str">
            <v>PP</v>
          </cell>
          <cell r="H182" t="str">
            <v>ENCARG. TASAS JUDIC.</v>
          </cell>
        </row>
        <row r="183">
          <cell r="A183">
            <v>159</v>
          </cell>
          <cell r="B183" t="str">
            <v>JORGE HIGINIO</v>
          </cell>
          <cell r="C183" t="str">
            <v>MARECO BENITEZ</v>
          </cell>
          <cell r="D183" t="str">
            <v>439921</v>
          </cell>
          <cell r="E183">
            <v>2577000</v>
          </cell>
          <cell r="F183" t="str">
            <v>PP</v>
          </cell>
          <cell r="H183" t="str">
            <v>ENCARG. TASAS JUDIC.</v>
          </cell>
        </row>
        <row r="184">
          <cell r="A184">
            <v>160</v>
          </cell>
          <cell r="B184" t="str">
            <v>MANUEL VICENTE</v>
          </cell>
          <cell r="C184" t="str">
            <v>DIAZ</v>
          </cell>
          <cell r="D184" t="str">
            <v>194672</v>
          </cell>
          <cell r="E184">
            <v>2578000</v>
          </cell>
          <cell r="F184" t="str">
            <v>PP</v>
          </cell>
          <cell r="H184" t="str">
            <v>SECRETARIO</v>
          </cell>
        </row>
        <row r="185">
          <cell r="A185">
            <v>161</v>
          </cell>
          <cell r="B185" t="str">
            <v>NORMA</v>
          </cell>
          <cell r="C185" t="str">
            <v>AGUILAR BARRETO</v>
          </cell>
          <cell r="D185" t="str">
            <v>2260939</v>
          </cell>
          <cell r="E185">
            <v>2579000</v>
          </cell>
          <cell r="F185" t="str">
            <v>PP</v>
          </cell>
          <cell r="H185" t="str">
            <v>UJIER</v>
          </cell>
        </row>
        <row r="186">
          <cell r="A186">
            <v>162</v>
          </cell>
          <cell r="B186" t="str">
            <v>SAUL MAIDANA</v>
          </cell>
          <cell r="C186" t="str">
            <v>BRITEZ</v>
          </cell>
          <cell r="D186" t="str">
            <v>2441566</v>
          </cell>
          <cell r="E186">
            <v>2580000</v>
          </cell>
          <cell r="F186" t="str">
            <v>PP</v>
          </cell>
          <cell r="H186" t="str">
            <v>SECRETARIO</v>
          </cell>
        </row>
        <row r="187">
          <cell r="A187">
            <v>163</v>
          </cell>
          <cell r="B187" t="str">
            <v>ANTONIO</v>
          </cell>
          <cell r="C187" t="str">
            <v>FERNANDEZ DUARTE</v>
          </cell>
          <cell r="D187" t="str">
            <v>1190679</v>
          </cell>
          <cell r="E187">
            <v>2581000</v>
          </cell>
          <cell r="F187" t="str">
            <v>PP</v>
          </cell>
          <cell r="H187" t="str">
            <v>CHOFER</v>
          </cell>
        </row>
        <row r="188">
          <cell r="A188">
            <v>164</v>
          </cell>
          <cell r="B188" t="str">
            <v>ELENA AUXILIADORA</v>
          </cell>
          <cell r="C188" t="str">
            <v>RUIZ DIAZ</v>
          </cell>
          <cell r="D188" t="str">
            <v>2066547</v>
          </cell>
          <cell r="E188">
            <v>2582000</v>
          </cell>
          <cell r="F188" t="str">
            <v>PP</v>
          </cell>
          <cell r="H188" t="str">
            <v>DACTILOGRAFO</v>
          </cell>
        </row>
        <row r="189">
          <cell r="A189">
            <v>165</v>
          </cell>
          <cell r="B189" t="str">
            <v>DANIEL</v>
          </cell>
          <cell r="C189" t="str">
            <v>BOGADO</v>
          </cell>
          <cell r="D189" t="str">
            <v>1585183</v>
          </cell>
          <cell r="E189">
            <v>2583000</v>
          </cell>
          <cell r="F189" t="str">
            <v>PP</v>
          </cell>
          <cell r="H189" t="str">
            <v>DACTILOGRAFO</v>
          </cell>
        </row>
        <row r="190">
          <cell r="A190">
            <v>166</v>
          </cell>
          <cell r="B190" t="str">
            <v>V A C A N T E</v>
          </cell>
          <cell r="E190">
            <v>2584000</v>
          </cell>
          <cell r="F190" t="str">
            <v>VP</v>
          </cell>
          <cell r="H190" t="str">
            <v>TECNICO</v>
          </cell>
        </row>
        <row r="191">
          <cell r="A191">
            <v>167</v>
          </cell>
          <cell r="B191" t="str">
            <v>V A C A N T E</v>
          </cell>
          <cell r="E191">
            <v>2584000</v>
          </cell>
          <cell r="F191" t="str">
            <v>VP</v>
          </cell>
          <cell r="H191" t="str">
            <v>TECNICO</v>
          </cell>
        </row>
        <row r="192">
          <cell r="A192">
            <v>168</v>
          </cell>
          <cell r="B192" t="str">
            <v>V A C A N T E</v>
          </cell>
          <cell r="E192">
            <v>2585000</v>
          </cell>
          <cell r="F192" t="str">
            <v>VP</v>
          </cell>
          <cell r="H192" t="str">
            <v>ELECTRICISTA</v>
          </cell>
        </row>
        <row r="193">
          <cell r="A193">
            <v>169</v>
          </cell>
          <cell r="B193" t="str">
            <v>V A C A N T E</v>
          </cell>
          <cell r="E193">
            <v>2586000</v>
          </cell>
          <cell r="F193" t="str">
            <v>VP</v>
          </cell>
          <cell r="H193" t="str">
            <v>LIMPIADOR</v>
          </cell>
        </row>
        <row r="194">
          <cell r="A194">
            <v>170</v>
          </cell>
          <cell r="B194" t="str">
            <v>V A C A N T E</v>
          </cell>
          <cell r="E194">
            <v>2587000</v>
          </cell>
          <cell r="F194" t="str">
            <v>VP</v>
          </cell>
          <cell r="H194" t="str">
            <v>ENCARGADO DE BOBEDA</v>
          </cell>
        </row>
        <row r="195">
          <cell r="A195">
            <v>171</v>
          </cell>
          <cell r="B195" t="str">
            <v>V A C A N T E</v>
          </cell>
          <cell r="E195">
            <v>2588000</v>
          </cell>
          <cell r="F195" t="str">
            <v>VP</v>
          </cell>
          <cell r="H195" t="str">
            <v>JEFE DE SEGURIDAD</v>
          </cell>
        </row>
        <row r="196">
          <cell r="A196">
            <v>172</v>
          </cell>
          <cell r="B196" t="str">
            <v>V A C A N T E</v>
          </cell>
          <cell r="E196">
            <v>2589000</v>
          </cell>
          <cell r="F196" t="str">
            <v>VP</v>
          </cell>
          <cell r="H196" t="str">
            <v>ENCARGADO DE MANT. G</v>
          </cell>
        </row>
        <row r="197">
          <cell r="A197">
            <v>173</v>
          </cell>
          <cell r="B197" t="str">
            <v>V A C A N T E</v>
          </cell>
          <cell r="E197">
            <v>2590000</v>
          </cell>
          <cell r="F197" t="str">
            <v>VP</v>
          </cell>
          <cell r="H197" t="str">
            <v>JEFE DE ESTADISTICA</v>
          </cell>
        </row>
        <row r="198">
          <cell r="A198">
            <v>174</v>
          </cell>
          <cell r="B198" t="str">
            <v>V A C A N T E</v>
          </cell>
          <cell r="E198">
            <v>2591000</v>
          </cell>
          <cell r="F198" t="str">
            <v>VP</v>
          </cell>
          <cell r="H198" t="str">
            <v>ENCARGADO DE ARCHIVO</v>
          </cell>
        </row>
        <row r="199">
          <cell r="B199" t="str">
            <v>V A C A N T E</v>
          </cell>
          <cell r="E199" t="str">
            <v/>
          </cell>
          <cell r="F199" t="str">
            <v>VP</v>
          </cell>
          <cell r="G199">
            <v>2591010</v>
          </cell>
          <cell r="H199" t="str">
            <v>FISCALIZADOR</v>
          </cell>
        </row>
        <row r="200">
          <cell r="B200" t="str">
            <v>V A C A N T E</v>
          </cell>
          <cell r="E200" t="str">
            <v/>
          </cell>
          <cell r="F200" t="str">
            <v>VP</v>
          </cell>
          <cell r="G200">
            <v>2591020</v>
          </cell>
          <cell r="H200" t="str">
            <v>AUDITOR</v>
          </cell>
        </row>
        <row r="201">
          <cell r="B201" t="str">
            <v>V A C A N T E</v>
          </cell>
          <cell r="E201" t="str">
            <v/>
          </cell>
          <cell r="F201" t="str">
            <v>VP</v>
          </cell>
          <cell r="G201">
            <v>2591030</v>
          </cell>
          <cell r="H201" t="str">
            <v>TELEFONISTA-VCA</v>
          </cell>
        </row>
        <row r="202">
          <cell r="B202" t="str">
            <v>V A C A N T E</v>
          </cell>
          <cell r="E202" t="str">
            <v/>
          </cell>
          <cell r="F202" t="str">
            <v>VP</v>
          </cell>
          <cell r="G202">
            <v>2591040</v>
          </cell>
          <cell r="H202" t="str">
            <v>AUXILIAR</v>
          </cell>
        </row>
        <row r="203">
          <cell r="B203" t="str">
            <v>V A C A N T E</v>
          </cell>
          <cell r="E203" t="str">
            <v/>
          </cell>
          <cell r="F203" t="str">
            <v>VP</v>
          </cell>
          <cell r="G203">
            <v>2591050</v>
          </cell>
          <cell r="H203" t="str">
            <v>CHOFER</v>
          </cell>
        </row>
        <row r="204">
          <cell r="B204" t="str">
            <v>V A C A N T E</v>
          </cell>
          <cell r="E204" t="str">
            <v/>
          </cell>
          <cell r="F204" t="str">
            <v>VP</v>
          </cell>
          <cell r="G204">
            <v>2591060</v>
          </cell>
          <cell r="H204" t="str">
            <v>OPERADOR-DPTO.ESTADISTICA</v>
          </cell>
        </row>
        <row r="205">
          <cell r="B205" t="str">
            <v>V A C A N T E</v>
          </cell>
          <cell r="E205" t="str">
            <v/>
          </cell>
          <cell r="F205" t="str">
            <v>VP</v>
          </cell>
          <cell r="G205">
            <v>2591070</v>
          </cell>
          <cell r="H205" t="str">
            <v>ASIST. DE BOVEDA</v>
          </cell>
        </row>
        <row r="206">
          <cell r="B206" t="str">
            <v>V A C A N T E</v>
          </cell>
          <cell r="E206" t="str">
            <v/>
          </cell>
          <cell r="F206" t="str">
            <v>VP</v>
          </cell>
          <cell r="G206">
            <v>2591080</v>
          </cell>
          <cell r="H206" t="str">
            <v>ASISTENTE DE ARCHIVO</v>
          </cell>
        </row>
        <row r="207">
          <cell r="B207" t="str">
            <v>V A C A N T E</v>
          </cell>
          <cell r="E207" t="str">
            <v/>
          </cell>
          <cell r="F207" t="str">
            <v>VP</v>
          </cell>
          <cell r="G207">
            <v>2591090</v>
          </cell>
          <cell r="H207" t="str">
            <v>ORDENANZA</v>
          </cell>
        </row>
        <row r="208">
          <cell r="B208" t="str">
            <v>V A C A N T E</v>
          </cell>
          <cell r="E208" t="str">
            <v/>
          </cell>
          <cell r="F208" t="str">
            <v>VP</v>
          </cell>
          <cell r="G208">
            <v>2591100</v>
          </cell>
          <cell r="H208" t="str">
            <v>ASIST.MANT.GRAL.</v>
          </cell>
        </row>
        <row r="209">
          <cell r="B209" t="str">
            <v>V A C A N T E</v>
          </cell>
          <cell r="E209" t="str">
            <v/>
          </cell>
          <cell r="F209" t="str">
            <v>VP</v>
          </cell>
          <cell r="G209">
            <v>2591110</v>
          </cell>
          <cell r="H209" t="str">
            <v>LIMPIADOR (F.YEGROS)</v>
          </cell>
        </row>
        <row r="210">
          <cell r="B210" t="str">
            <v>V A C A N T E</v>
          </cell>
          <cell r="E210" t="str">
            <v/>
          </cell>
          <cell r="F210" t="str">
            <v>VP</v>
          </cell>
          <cell r="G210">
            <v>2591120</v>
          </cell>
          <cell r="H210" t="str">
            <v>LIMPIADOR (YUTY)</v>
          </cell>
        </row>
        <row r="211">
          <cell r="B211" t="str">
            <v>V A C A N T E</v>
          </cell>
          <cell r="E211" t="str">
            <v/>
          </cell>
          <cell r="F211" t="str">
            <v>VP</v>
          </cell>
          <cell r="G211">
            <v>2591130</v>
          </cell>
          <cell r="H211" t="str">
            <v>DACTILOGRAFO</v>
          </cell>
        </row>
        <row r="212">
          <cell r="B212" t="str">
            <v>V A C A N T E</v>
          </cell>
          <cell r="E212" t="str">
            <v/>
          </cell>
          <cell r="F212" t="str">
            <v>VP</v>
          </cell>
          <cell r="G212">
            <v>2591140</v>
          </cell>
          <cell r="H212" t="str">
            <v>UJIER</v>
          </cell>
        </row>
        <row r="213">
          <cell r="A213">
            <v>175</v>
          </cell>
          <cell r="B213" t="str">
            <v>JUZGADOS DE PAZ</v>
          </cell>
          <cell r="F213" t="str">
            <v>DP</v>
          </cell>
        </row>
        <row r="214">
          <cell r="A214">
            <v>176</v>
          </cell>
          <cell r="B214" t="str">
            <v>JUZGADOS DE PAZ DE VILLARRICA</v>
          </cell>
          <cell r="F214" t="str">
            <v>DP</v>
          </cell>
        </row>
        <row r="215">
          <cell r="A215">
            <v>177</v>
          </cell>
          <cell r="B215" t="str">
            <v>CARLOS MARIA</v>
          </cell>
          <cell r="C215" t="str">
            <v>ALFARO FRANCO</v>
          </cell>
          <cell r="D215" t="str">
            <v>504352</v>
          </cell>
          <cell r="E215">
            <v>2594000</v>
          </cell>
          <cell r="F215" t="str">
            <v>PP</v>
          </cell>
          <cell r="H215" t="str">
            <v>JUEZ EN LO C.C.</v>
          </cell>
        </row>
        <row r="216">
          <cell r="A216">
            <v>178</v>
          </cell>
          <cell r="B216" t="str">
            <v>GRACIELA</v>
          </cell>
          <cell r="C216" t="str">
            <v>GONZALEZ DE ARIAS</v>
          </cell>
          <cell r="D216" t="str">
            <v>1056897</v>
          </cell>
          <cell r="E216">
            <v>2595000</v>
          </cell>
          <cell r="F216" t="str">
            <v>PP</v>
          </cell>
          <cell r="H216" t="str">
            <v>SECRETARIO</v>
          </cell>
        </row>
        <row r="217">
          <cell r="A217">
            <v>179</v>
          </cell>
          <cell r="B217" t="str">
            <v>V A C A N T E</v>
          </cell>
          <cell r="E217">
            <v>2596000</v>
          </cell>
          <cell r="F217" t="str">
            <v>VP</v>
          </cell>
          <cell r="H217" t="str">
            <v>UJIER</v>
          </cell>
        </row>
        <row r="218">
          <cell r="G218">
            <v>2596010</v>
          </cell>
          <cell r="H218" t="str">
            <v>DACTILOGRAFO</v>
          </cell>
        </row>
        <row r="219">
          <cell r="A219">
            <v>180</v>
          </cell>
          <cell r="B219" t="str">
            <v>JUZGADOS DE PAZ DE CAAZAPA</v>
          </cell>
          <cell r="F219" t="str">
            <v>DP</v>
          </cell>
        </row>
        <row r="220">
          <cell r="A220">
            <v>181</v>
          </cell>
          <cell r="B220" t="str">
            <v>DIONISIO DANIEL</v>
          </cell>
          <cell r="C220" t="str">
            <v>FLEITAS RAMIREZ</v>
          </cell>
          <cell r="D220" t="str">
            <v>889025</v>
          </cell>
          <cell r="E220">
            <v>2598000</v>
          </cell>
          <cell r="F220" t="str">
            <v>PP</v>
          </cell>
          <cell r="H220" t="str">
            <v>JUEZ EN LO C.C.</v>
          </cell>
        </row>
        <row r="221">
          <cell r="A221">
            <v>182</v>
          </cell>
          <cell r="B221" t="str">
            <v>CLAUDIO A.</v>
          </cell>
          <cell r="C221" t="str">
            <v>DAVALOS ULLON</v>
          </cell>
          <cell r="D221" t="str">
            <v>459572</v>
          </cell>
          <cell r="E221">
            <v>2599000</v>
          </cell>
          <cell r="F221" t="str">
            <v>PP</v>
          </cell>
          <cell r="H221" t="str">
            <v>SECRETARIO</v>
          </cell>
        </row>
        <row r="222">
          <cell r="A222">
            <v>183</v>
          </cell>
          <cell r="B222" t="str">
            <v>V A C A N T E</v>
          </cell>
          <cell r="E222">
            <v>2600000</v>
          </cell>
          <cell r="F222" t="str">
            <v>VP</v>
          </cell>
          <cell r="H222" t="str">
            <v>UJIER</v>
          </cell>
        </row>
        <row r="223">
          <cell r="G223">
            <v>2600010</v>
          </cell>
          <cell r="H223" t="str">
            <v>DACTILOGRAFO</v>
          </cell>
        </row>
        <row r="224">
          <cell r="A224">
            <v>184</v>
          </cell>
          <cell r="B224" t="str">
            <v>V A C A N T E</v>
          </cell>
          <cell r="E224">
            <v>2601000</v>
          </cell>
          <cell r="F224" t="str">
            <v>VP</v>
          </cell>
          <cell r="H224" t="str">
            <v>JUEZ EN LO CRIMINAL</v>
          </cell>
        </row>
        <row r="225">
          <cell r="A225">
            <v>185</v>
          </cell>
          <cell r="B225" t="str">
            <v>UBALDO JOSE</v>
          </cell>
          <cell r="C225" t="str">
            <v>CENTURION SAMANIEGO</v>
          </cell>
          <cell r="D225" t="str">
            <v>1712071</v>
          </cell>
          <cell r="E225">
            <v>2602000</v>
          </cell>
          <cell r="F225" t="str">
            <v>PP</v>
          </cell>
          <cell r="H225" t="str">
            <v>SECRETARIO</v>
          </cell>
        </row>
        <row r="226">
          <cell r="G226">
            <v>2602010</v>
          </cell>
          <cell r="H226" t="str">
            <v>UJIER</v>
          </cell>
        </row>
        <row r="227">
          <cell r="G227">
            <v>2602020</v>
          </cell>
          <cell r="H227" t="str">
            <v>DACTILOGRAFO</v>
          </cell>
        </row>
        <row r="228">
          <cell r="A228">
            <v>186</v>
          </cell>
          <cell r="B228" t="str">
            <v>YATAITY</v>
          </cell>
          <cell r="F228" t="str">
            <v>DP</v>
          </cell>
        </row>
        <row r="229">
          <cell r="A229">
            <v>187</v>
          </cell>
          <cell r="B229" t="str">
            <v>MARIA ELENA</v>
          </cell>
          <cell r="C229" t="str">
            <v>ESPINOLA DE ORTIGOZA</v>
          </cell>
          <cell r="D229" t="str">
            <v>404719</v>
          </cell>
          <cell r="E229">
            <v>2604000</v>
          </cell>
          <cell r="F229" t="str">
            <v>PP</v>
          </cell>
          <cell r="H229" t="str">
            <v>JUEZ PAZ YATAITY</v>
          </cell>
        </row>
        <row r="230">
          <cell r="A230">
            <v>188</v>
          </cell>
          <cell r="B230" t="str">
            <v>ALCIDES M.</v>
          </cell>
          <cell r="C230" t="str">
            <v>NARVAJA GAUTO</v>
          </cell>
          <cell r="D230" t="str">
            <v>870137</v>
          </cell>
          <cell r="E230">
            <v>2605000</v>
          </cell>
          <cell r="F230" t="str">
            <v>PP</v>
          </cell>
          <cell r="H230" t="str">
            <v>SECRETARIO</v>
          </cell>
        </row>
        <row r="231">
          <cell r="G231">
            <v>2605010</v>
          </cell>
          <cell r="H231" t="str">
            <v>UJIER</v>
          </cell>
        </row>
        <row r="232">
          <cell r="G232">
            <v>2605020</v>
          </cell>
          <cell r="H232" t="str">
            <v>DACTILOGRAFO</v>
          </cell>
        </row>
        <row r="233">
          <cell r="A233">
            <v>189</v>
          </cell>
          <cell r="B233" t="str">
            <v>MBOCAYATY</v>
          </cell>
          <cell r="F233" t="str">
            <v>DP</v>
          </cell>
        </row>
        <row r="234">
          <cell r="A234">
            <v>190</v>
          </cell>
          <cell r="B234" t="str">
            <v>JULIA CONCEPCION</v>
          </cell>
          <cell r="C234" t="str">
            <v>SERVIAN DE RODRIGUEZ</v>
          </cell>
          <cell r="D234" t="str">
            <v>453672</v>
          </cell>
          <cell r="E234">
            <v>2607000</v>
          </cell>
          <cell r="F234" t="str">
            <v>PP</v>
          </cell>
          <cell r="H234" t="str">
            <v>JUEZ</v>
          </cell>
        </row>
        <row r="235">
          <cell r="A235">
            <v>191</v>
          </cell>
          <cell r="B235" t="str">
            <v>HUGO DANIEL</v>
          </cell>
          <cell r="C235" t="str">
            <v>FONSECA ESPINOLA</v>
          </cell>
          <cell r="D235" t="str">
            <v>2080317</v>
          </cell>
          <cell r="E235">
            <v>2608000</v>
          </cell>
          <cell r="F235" t="str">
            <v>PP</v>
          </cell>
          <cell r="H235" t="str">
            <v>SECRETARIO</v>
          </cell>
        </row>
        <row r="236">
          <cell r="G236">
            <v>2608010</v>
          </cell>
          <cell r="H236" t="str">
            <v>UJIER</v>
          </cell>
        </row>
        <row r="237">
          <cell r="G237">
            <v>2608020</v>
          </cell>
          <cell r="H237" t="str">
            <v>DACTILOGRAFO</v>
          </cell>
        </row>
        <row r="238">
          <cell r="A238">
            <v>192</v>
          </cell>
          <cell r="B238" t="str">
            <v>FASSARDI</v>
          </cell>
          <cell r="F238" t="str">
            <v>DP</v>
          </cell>
        </row>
        <row r="239">
          <cell r="A239">
            <v>193</v>
          </cell>
          <cell r="B239" t="str">
            <v>RAMONA JUSTINIANA</v>
          </cell>
          <cell r="C239" t="str">
            <v>TROCHE DE HAURON</v>
          </cell>
          <cell r="D239" t="str">
            <v>442996</v>
          </cell>
          <cell r="E239">
            <v>2610000</v>
          </cell>
          <cell r="F239" t="str">
            <v>PP</v>
          </cell>
          <cell r="H239" t="str">
            <v>JUEZ</v>
          </cell>
        </row>
        <row r="240">
          <cell r="A240">
            <v>194</v>
          </cell>
          <cell r="B240" t="str">
            <v>MILCIADES ENRIQUE</v>
          </cell>
          <cell r="C240" t="str">
            <v>RIOS</v>
          </cell>
          <cell r="D240" t="str">
            <v>209430</v>
          </cell>
          <cell r="E240">
            <v>2611000</v>
          </cell>
          <cell r="F240" t="str">
            <v>PP</v>
          </cell>
          <cell r="H240" t="str">
            <v>SECRETARIO</v>
          </cell>
        </row>
        <row r="241">
          <cell r="G241">
            <v>2611010</v>
          </cell>
          <cell r="H241" t="str">
            <v>UJIER</v>
          </cell>
        </row>
        <row r="242">
          <cell r="G242">
            <v>2611020</v>
          </cell>
          <cell r="H242" t="str">
            <v>DACTILOGRAFO</v>
          </cell>
        </row>
        <row r="243">
          <cell r="A243">
            <v>195</v>
          </cell>
          <cell r="B243" t="str">
            <v>BUENA VISTA</v>
          </cell>
          <cell r="F243" t="str">
            <v>DP</v>
          </cell>
        </row>
        <row r="244">
          <cell r="A244">
            <v>196</v>
          </cell>
          <cell r="B244" t="str">
            <v>RAIMUNDO GRABIEL</v>
          </cell>
          <cell r="C244" t="str">
            <v>DUARTE PANIAGUA</v>
          </cell>
          <cell r="D244" t="str">
            <v>1825693</v>
          </cell>
          <cell r="E244">
            <v>2613000</v>
          </cell>
          <cell r="F244" t="str">
            <v>PP</v>
          </cell>
          <cell r="H244" t="str">
            <v>JUEZ</v>
          </cell>
        </row>
        <row r="245">
          <cell r="A245">
            <v>197</v>
          </cell>
          <cell r="B245" t="str">
            <v>CARLOS ALCIDES</v>
          </cell>
          <cell r="C245" t="str">
            <v>DUARTE GAMARRA</v>
          </cell>
          <cell r="D245" t="str">
            <v>2246533</v>
          </cell>
          <cell r="E245">
            <v>2614000</v>
          </cell>
          <cell r="F245" t="str">
            <v>PP</v>
          </cell>
          <cell r="H245" t="str">
            <v>SECRETARIO</v>
          </cell>
        </row>
        <row r="246">
          <cell r="G246">
            <v>2614010</v>
          </cell>
          <cell r="H246" t="str">
            <v>UJIER</v>
          </cell>
        </row>
        <row r="247">
          <cell r="G247">
            <v>2614020</v>
          </cell>
          <cell r="H247" t="str">
            <v>DACTILOGRAFO</v>
          </cell>
        </row>
        <row r="248">
          <cell r="A248">
            <v>198</v>
          </cell>
          <cell r="B248" t="str">
            <v>COLONIA INDEPENDENCIA</v>
          </cell>
          <cell r="F248" t="str">
            <v>DP</v>
          </cell>
        </row>
        <row r="249">
          <cell r="A249">
            <v>199</v>
          </cell>
          <cell r="B249" t="str">
            <v>CATALINA CONCEPCION</v>
          </cell>
          <cell r="C249" t="str">
            <v>TORRES CAMPUZANO</v>
          </cell>
          <cell r="D249" t="str">
            <v>814242</v>
          </cell>
          <cell r="E249">
            <v>2616000</v>
          </cell>
          <cell r="F249" t="str">
            <v>PP</v>
          </cell>
          <cell r="H249" t="str">
            <v>JUEZ</v>
          </cell>
        </row>
        <row r="250">
          <cell r="A250">
            <v>200</v>
          </cell>
          <cell r="B250" t="str">
            <v>ATILANO</v>
          </cell>
          <cell r="C250" t="str">
            <v>CHAVEZ</v>
          </cell>
          <cell r="D250" t="str">
            <v>1032238</v>
          </cell>
          <cell r="E250">
            <v>2617000</v>
          </cell>
          <cell r="F250" t="str">
            <v>PP</v>
          </cell>
          <cell r="H250" t="str">
            <v>SECRETARIO</v>
          </cell>
        </row>
        <row r="251">
          <cell r="G251">
            <v>2617010</v>
          </cell>
          <cell r="H251" t="str">
            <v>UJIER</v>
          </cell>
        </row>
        <row r="252">
          <cell r="G252">
            <v>2617020</v>
          </cell>
          <cell r="H252" t="str">
            <v>DACTILOGRAFO</v>
          </cell>
        </row>
        <row r="253">
          <cell r="A253">
            <v>201</v>
          </cell>
          <cell r="B253" t="str">
            <v>GRAL. MORINIGO</v>
          </cell>
          <cell r="F253" t="str">
            <v>DP</v>
          </cell>
        </row>
        <row r="254">
          <cell r="A254">
            <v>202</v>
          </cell>
          <cell r="B254" t="str">
            <v>CARLOS MARIA</v>
          </cell>
          <cell r="C254" t="str">
            <v>CACERES FOSTER</v>
          </cell>
          <cell r="D254" t="str">
            <v>776050</v>
          </cell>
          <cell r="E254">
            <v>2619000</v>
          </cell>
          <cell r="F254" t="str">
            <v>PP</v>
          </cell>
          <cell r="H254" t="str">
            <v>JUEZ</v>
          </cell>
        </row>
        <row r="255">
          <cell r="A255">
            <v>203</v>
          </cell>
          <cell r="B255" t="str">
            <v>LAZARO</v>
          </cell>
          <cell r="C255" t="str">
            <v>VILLAVERDE SERVIAN</v>
          </cell>
          <cell r="D255" t="str">
            <v>1256178</v>
          </cell>
          <cell r="E255">
            <v>2620000</v>
          </cell>
          <cell r="F255" t="str">
            <v>PP</v>
          </cell>
          <cell r="H255" t="str">
            <v>SECRETARIO</v>
          </cell>
        </row>
        <row r="256">
          <cell r="G256">
            <v>2620010</v>
          </cell>
          <cell r="H256" t="str">
            <v>UJIER</v>
          </cell>
        </row>
        <row r="257">
          <cell r="G257">
            <v>2620020</v>
          </cell>
          <cell r="H257" t="str">
            <v>DACTILOGRAFO</v>
          </cell>
        </row>
        <row r="258">
          <cell r="A258">
            <v>204</v>
          </cell>
          <cell r="B258" t="str">
            <v>FULGENCIO YEGROS</v>
          </cell>
          <cell r="F258" t="str">
            <v>DP</v>
          </cell>
        </row>
        <row r="259">
          <cell r="A259">
            <v>205</v>
          </cell>
          <cell r="B259" t="str">
            <v>DAVID ALIDER</v>
          </cell>
          <cell r="C259" t="str">
            <v>RUIZ DIAZ ARMOA</v>
          </cell>
          <cell r="D259" t="str">
            <v>1717464</v>
          </cell>
          <cell r="E259">
            <v>2622000</v>
          </cell>
          <cell r="F259" t="str">
            <v>PP</v>
          </cell>
          <cell r="H259" t="str">
            <v>JUEZ</v>
          </cell>
        </row>
        <row r="260">
          <cell r="A260">
            <v>206</v>
          </cell>
          <cell r="B260" t="str">
            <v>JUAN C.</v>
          </cell>
          <cell r="C260" t="str">
            <v>GONZALEZ</v>
          </cell>
          <cell r="D260" t="str">
            <v>967355</v>
          </cell>
          <cell r="E260">
            <v>2623000</v>
          </cell>
          <cell r="F260" t="str">
            <v>PP</v>
          </cell>
          <cell r="H260" t="str">
            <v>SECRETARIO</v>
          </cell>
        </row>
        <row r="261">
          <cell r="G261">
            <v>2623010</v>
          </cell>
          <cell r="H261" t="str">
            <v>UJIER</v>
          </cell>
        </row>
        <row r="262">
          <cell r="G262">
            <v>2623020</v>
          </cell>
          <cell r="H262" t="str">
            <v>DACTILOGRAFO</v>
          </cell>
        </row>
        <row r="263">
          <cell r="A263">
            <v>207</v>
          </cell>
          <cell r="B263" t="str">
            <v>NATALICIO TALAVERA</v>
          </cell>
          <cell r="F263" t="str">
            <v>DP</v>
          </cell>
        </row>
        <row r="264">
          <cell r="A264">
            <v>208</v>
          </cell>
          <cell r="B264" t="str">
            <v>NANCY ELIZABETH</v>
          </cell>
          <cell r="C264" t="str">
            <v>ROA ROJAS</v>
          </cell>
          <cell r="D264" t="str">
            <v>1471031</v>
          </cell>
          <cell r="E264">
            <v>2625000</v>
          </cell>
          <cell r="F264" t="str">
            <v>PP</v>
          </cell>
          <cell r="H264" t="str">
            <v>JUEZ</v>
          </cell>
        </row>
        <row r="265">
          <cell r="A265">
            <v>209</v>
          </cell>
          <cell r="B265" t="str">
            <v>FUNCIANO</v>
          </cell>
          <cell r="C265" t="str">
            <v>SANCHEZ DUARTE</v>
          </cell>
          <cell r="D265" t="str">
            <v>1299150</v>
          </cell>
          <cell r="E265">
            <v>2626000</v>
          </cell>
          <cell r="F265" t="str">
            <v>PP</v>
          </cell>
          <cell r="H265" t="str">
            <v>SECRETARIO</v>
          </cell>
        </row>
        <row r="266">
          <cell r="G266">
            <v>2626010</v>
          </cell>
          <cell r="H266" t="str">
            <v>UJIER</v>
          </cell>
        </row>
        <row r="267">
          <cell r="G267">
            <v>2626020</v>
          </cell>
          <cell r="H267" t="str">
            <v>DACTILOGRAFO</v>
          </cell>
        </row>
        <row r="268">
          <cell r="A268">
            <v>210</v>
          </cell>
          <cell r="B268" t="str">
            <v>SAN SALVADOR</v>
          </cell>
          <cell r="F268" t="str">
            <v>DP</v>
          </cell>
        </row>
        <row r="269">
          <cell r="A269">
            <v>211</v>
          </cell>
          <cell r="B269" t="str">
            <v>SANDRA MABEL</v>
          </cell>
          <cell r="C269" t="str">
            <v>NUÑEZ KRISSL</v>
          </cell>
          <cell r="D269" t="str">
            <v>1707836</v>
          </cell>
          <cell r="E269">
            <v>2628000</v>
          </cell>
          <cell r="F269" t="str">
            <v>PP</v>
          </cell>
          <cell r="H269" t="str">
            <v>JUEZ PAZ S.SALVADOR</v>
          </cell>
        </row>
        <row r="270">
          <cell r="A270">
            <v>212</v>
          </cell>
          <cell r="B270" t="str">
            <v>SIXTO</v>
          </cell>
          <cell r="C270" t="str">
            <v>CABRERA CABRAL</v>
          </cell>
          <cell r="D270" t="str">
            <v>202530</v>
          </cell>
          <cell r="E270">
            <v>2629000</v>
          </cell>
          <cell r="F270" t="str">
            <v>PP</v>
          </cell>
          <cell r="H270" t="str">
            <v>SECRETARIO</v>
          </cell>
        </row>
        <row r="271">
          <cell r="G271">
            <v>2629010</v>
          </cell>
          <cell r="H271" t="str">
            <v>UJIER</v>
          </cell>
        </row>
        <row r="272">
          <cell r="G272">
            <v>2629020</v>
          </cell>
          <cell r="H272" t="str">
            <v>DACTILOGRAFO</v>
          </cell>
        </row>
        <row r="273">
          <cell r="A273">
            <v>213</v>
          </cell>
          <cell r="B273" t="str">
            <v>CORONEL MARTINEZ</v>
          </cell>
          <cell r="F273" t="str">
            <v>DP</v>
          </cell>
        </row>
        <row r="274">
          <cell r="A274">
            <v>214</v>
          </cell>
          <cell r="B274" t="str">
            <v>EDGAR</v>
          </cell>
          <cell r="C274" t="str">
            <v>MARTINEZ PANIAGUA</v>
          </cell>
          <cell r="D274" t="str">
            <v>848905</v>
          </cell>
          <cell r="E274">
            <v>2631000</v>
          </cell>
          <cell r="F274" t="str">
            <v>PP</v>
          </cell>
          <cell r="H274" t="str">
            <v>JUEZ PAZ CNEL.MARTIN</v>
          </cell>
        </row>
        <row r="275">
          <cell r="A275">
            <v>215</v>
          </cell>
          <cell r="B275" t="str">
            <v>FRANCISCO</v>
          </cell>
          <cell r="C275" t="str">
            <v>RAMIREZ JIMENEZ</v>
          </cell>
          <cell r="D275" t="str">
            <v>897526</v>
          </cell>
          <cell r="E275">
            <v>2632000</v>
          </cell>
          <cell r="F275" t="str">
            <v>PP</v>
          </cell>
          <cell r="H275" t="str">
            <v>SECRETARIO</v>
          </cell>
        </row>
        <row r="276">
          <cell r="G276">
            <v>2632010</v>
          </cell>
          <cell r="H276" t="str">
            <v>UJIER</v>
          </cell>
        </row>
        <row r="277">
          <cell r="G277">
            <v>2632020</v>
          </cell>
          <cell r="H277" t="str">
            <v>DACTILOGRAFO</v>
          </cell>
        </row>
        <row r="278">
          <cell r="A278">
            <v>216</v>
          </cell>
          <cell r="B278" t="str">
            <v>FELIX PEREZ CARDOZO</v>
          </cell>
          <cell r="F278" t="str">
            <v>DP</v>
          </cell>
        </row>
        <row r="279">
          <cell r="A279">
            <v>217</v>
          </cell>
          <cell r="B279" t="str">
            <v>NILDA</v>
          </cell>
          <cell r="C279" t="str">
            <v>DUARTE LEGAL</v>
          </cell>
          <cell r="D279" t="str">
            <v>217438</v>
          </cell>
          <cell r="E279">
            <v>2634000</v>
          </cell>
          <cell r="F279" t="str">
            <v>PP</v>
          </cell>
          <cell r="H279" t="str">
            <v>JUEZ PAZ F.P.CARDOZO</v>
          </cell>
        </row>
        <row r="280">
          <cell r="A280">
            <v>218</v>
          </cell>
          <cell r="B280" t="str">
            <v>OSCAR MANUEL</v>
          </cell>
          <cell r="C280" t="str">
            <v>BARRIOS FERREIRA</v>
          </cell>
          <cell r="D280" t="str">
            <v>2076798</v>
          </cell>
          <cell r="E280">
            <v>2635000</v>
          </cell>
          <cell r="F280" t="str">
            <v>PP</v>
          </cell>
          <cell r="H280" t="str">
            <v>SECRETARIO</v>
          </cell>
        </row>
        <row r="281">
          <cell r="G281">
            <v>2635010</v>
          </cell>
          <cell r="H281" t="str">
            <v>UJIER</v>
          </cell>
        </row>
        <row r="282">
          <cell r="G282">
            <v>2635020</v>
          </cell>
          <cell r="H282" t="str">
            <v>DACTILOGRAFO</v>
          </cell>
        </row>
        <row r="283">
          <cell r="A283">
            <v>219</v>
          </cell>
          <cell r="B283" t="str">
            <v>BORJA</v>
          </cell>
          <cell r="F283" t="str">
            <v>DP</v>
          </cell>
        </row>
        <row r="284">
          <cell r="A284">
            <v>220</v>
          </cell>
          <cell r="B284" t="str">
            <v>SEBASTIANA</v>
          </cell>
          <cell r="C284" t="str">
            <v>SALINA ZARACHO</v>
          </cell>
          <cell r="D284" t="str">
            <v>1470476</v>
          </cell>
          <cell r="E284">
            <v>2637000</v>
          </cell>
          <cell r="F284" t="str">
            <v>PP</v>
          </cell>
          <cell r="H284" t="str">
            <v>JUEZ</v>
          </cell>
        </row>
        <row r="285">
          <cell r="A285">
            <v>221</v>
          </cell>
          <cell r="B285" t="str">
            <v>ADRIANO RESQUIN</v>
          </cell>
          <cell r="C285" t="str">
            <v>ARGUELLO</v>
          </cell>
          <cell r="D285" t="str">
            <v>1595673</v>
          </cell>
          <cell r="E285">
            <v>2638000</v>
          </cell>
          <cell r="F285" t="str">
            <v>PP</v>
          </cell>
          <cell r="H285" t="str">
            <v>SECRETARIO</v>
          </cell>
        </row>
        <row r="286">
          <cell r="G286">
            <v>2638010</v>
          </cell>
          <cell r="H286" t="str">
            <v>UJIER</v>
          </cell>
        </row>
        <row r="287">
          <cell r="G287">
            <v>2638020</v>
          </cell>
          <cell r="H287" t="str">
            <v>DACTILOGRAFO</v>
          </cell>
        </row>
        <row r="288">
          <cell r="A288">
            <v>222</v>
          </cell>
          <cell r="B288" t="str">
            <v>ÑUMI</v>
          </cell>
          <cell r="F288" t="str">
            <v>DP</v>
          </cell>
        </row>
        <row r="289">
          <cell r="A289">
            <v>223</v>
          </cell>
          <cell r="B289" t="str">
            <v>VICTOR HUGO</v>
          </cell>
          <cell r="C289" t="str">
            <v>ORTIGOZA AGUIRRE</v>
          </cell>
          <cell r="D289" t="str">
            <v>722477</v>
          </cell>
          <cell r="E289">
            <v>2640000</v>
          </cell>
          <cell r="F289" t="str">
            <v>PP</v>
          </cell>
          <cell r="H289" t="str">
            <v>JUEZ</v>
          </cell>
        </row>
        <row r="290">
          <cell r="A290">
            <v>224</v>
          </cell>
          <cell r="B290" t="str">
            <v>CESAR LORENZO</v>
          </cell>
          <cell r="C290" t="str">
            <v>GONZALEZ FLEITAS</v>
          </cell>
          <cell r="D290" t="str">
            <v>732535</v>
          </cell>
          <cell r="E290">
            <v>2641000</v>
          </cell>
          <cell r="F290" t="str">
            <v>PP</v>
          </cell>
          <cell r="H290" t="str">
            <v>SECRETARIO</v>
          </cell>
        </row>
        <row r="291">
          <cell r="G291">
            <v>2641010</v>
          </cell>
          <cell r="H291" t="str">
            <v>UJIER</v>
          </cell>
        </row>
        <row r="292">
          <cell r="G292">
            <v>2641020</v>
          </cell>
          <cell r="H292" t="str">
            <v>DACTILOGRAFO</v>
          </cell>
        </row>
        <row r="293">
          <cell r="A293">
            <v>225</v>
          </cell>
          <cell r="B293" t="str">
            <v>MAURICIO JOSE TROCHE</v>
          </cell>
          <cell r="F293" t="str">
            <v>DP</v>
          </cell>
        </row>
        <row r="294">
          <cell r="A294">
            <v>226</v>
          </cell>
          <cell r="B294" t="str">
            <v>SANDRA BASILIA ANTONIA</v>
          </cell>
          <cell r="C294" t="str">
            <v>FRIEDMANN G.</v>
          </cell>
          <cell r="D294" t="str">
            <v>533835</v>
          </cell>
          <cell r="E294">
            <v>2643000</v>
          </cell>
          <cell r="F294" t="str">
            <v>PP</v>
          </cell>
          <cell r="H294" t="str">
            <v>JUEZ PAZ M.J.TROCHE</v>
          </cell>
        </row>
        <row r="295">
          <cell r="A295">
            <v>227</v>
          </cell>
          <cell r="B295" t="str">
            <v>MIRNA AURORA</v>
          </cell>
          <cell r="C295" t="str">
            <v>TORRES BENITEZ</v>
          </cell>
          <cell r="D295" t="str">
            <v>2188147</v>
          </cell>
          <cell r="E295">
            <v>2644000</v>
          </cell>
          <cell r="F295" t="str">
            <v>PP</v>
          </cell>
          <cell r="H295" t="str">
            <v>SECRETARIO</v>
          </cell>
        </row>
        <row r="296">
          <cell r="G296">
            <v>2644010</v>
          </cell>
          <cell r="H296" t="str">
            <v>UJIER</v>
          </cell>
        </row>
        <row r="297">
          <cell r="G297">
            <v>2644020</v>
          </cell>
          <cell r="H297" t="str">
            <v>DACTILOGRAFO</v>
          </cell>
        </row>
        <row r="298">
          <cell r="A298">
            <v>228</v>
          </cell>
          <cell r="B298" t="str">
            <v>EUGENIO A. GARAY</v>
          </cell>
          <cell r="F298" t="str">
            <v>DP</v>
          </cell>
        </row>
        <row r="299">
          <cell r="A299">
            <v>229</v>
          </cell>
          <cell r="B299" t="str">
            <v>ERNESTA NELLY</v>
          </cell>
          <cell r="C299" t="str">
            <v>ALDERETE ARANDA</v>
          </cell>
          <cell r="D299" t="str">
            <v>535520</v>
          </cell>
          <cell r="E299">
            <v>2646000</v>
          </cell>
          <cell r="F299" t="str">
            <v>PP</v>
          </cell>
          <cell r="H299" t="str">
            <v>JUEZ</v>
          </cell>
        </row>
        <row r="300">
          <cell r="A300">
            <v>230</v>
          </cell>
          <cell r="B300" t="str">
            <v>ANASTACIO</v>
          </cell>
          <cell r="C300" t="str">
            <v>CAREAGA</v>
          </cell>
          <cell r="D300" t="str">
            <v>960053</v>
          </cell>
          <cell r="E300">
            <v>2647000</v>
          </cell>
          <cell r="F300" t="str">
            <v>PP</v>
          </cell>
          <cell r="H300" t="str">
            <v>SECRETARIO</v>
          </cell>
        </row>
        <row r="301">
          <cell r="G301">
            <v>2647010</v>
          </cell>
          <cell r="H301" t="str">
            <v>UJIER</v>
          </cell>
        </row>
        <row r="302">
          <cell r="G302">
            <v>2647020</v>
          </cell>
          <cell r="H302" t="str">
            <v>DACTILOGRAFO</v>
          </cell>
        </row>
        <row r="303">
          <cell r="A303">
            <v>231</v>
          </cell>
          <cell r="B303" t="str">
            <v>ITAPE</v>
          </cell>
          <cell r="F303" t="str">
            <v>DP</v>
          </cell>
        </row>
        <row r="304">
          <cell r="A304">
            <v>232</v>
          </cell>
          <cell r="B304" t="str">
            <v>NANCY EVELYN</v>
          </cell>
          <cell r="C304" t="str">
            <v>ESTIGARRIBIA DE DUARTE</v>
          </cell>
          <cell r="D304" t="str">
            <v>489308</v>
          </cell>
          <cell r="E304">
            <v>2649000</v>
          </cell>
          <cell r="F304" t="str">
            <v>PP</v>
          </cell>
          <cell r="H304" t="str">
            <v>JUEZ PAZ YTAPE</v>
          </cell>
        </row>
        <row r="305">
          <cell r="A305">
            <v>233</v>
          </cell>
          <cell r="B305" t="str">
            <v>GUILLERMO</v>
          </cell>
          <cell r="C305" t="str">
            <v>GONZALEZ CHAVEZ</v>
          </cell>
          <cell r="D305" t="str">
            <v>960870</v>
          </cell>
          <cell r="E305">
            <v>2650000</v>
          </cell>
          <cell r="F305" t="str">
            <v>PP</v>
          </cell>
          <cell r="H305" t="str">
            <v>SECRETARIO</v>
          </cell>
        </row>
        <row r="306">
          <cell r="G306">
            <v>2650010</v>
          </cell>
          <cell r="H306" t="str">
            <v>UJIER</v>
          </cell>
        </row>
        <row r="307">
          <cell r="G307">
            <v>2650020</v>
          </cell>
          <cell r="H307" t="str">
            <v>DACTILOGRAFO</v>
          </cell>
        </row>
        <row r="308">
          <cell r="A308">
            <v>234</v>
          </cell>
          <cell r="B308" t="str">
            <v>AVA'I</v>
          </cell>
          <cell r="F308" t="str">
            <v>DP</v>
          </cell>
        </row>
        <row r="309">
          <cell r="A309">
            <v>235</v>
          </cell>
          <cell r="B309" t="str">
            <v>ANA TERESA</v>
          </cell>
          <cell r="C309" t="str">
            <v>BARRIOS DE PORTILLO</v>
          </cell>
          <cell r="D309" t="str">
            <v>1823290</v>
          </cell>
          <cell r="E309">
            <v>2652000</v>
          </cell>
          <cell r="F309" t="str">
            <v>PP</v>
          </cell>
          <cell r="H309" t="str">
            <v>JUEZ</v>
          </cell>
        </row>
        <row r="310">
          <cell r="A310">
            <v>236</v>
          </cell>
          <cell r="B310" t="str">
            <v>GETULIO</v>
          </cell>
          <cell r="C310" t="str">
            <v>ACOSTA ZARZA</v>
          </cell>
          <cell r="D310" t="str">
            <v>1365255</v>
          </cell>
          <cell r="E310">
            <v>2653000</v>
          </cell>
          <cell r="F310" t="str">
            <v>PP</v>
          </cell>
          <cell r="H310" t="str">
            <v>SECRETARIO</v>
          </cell>
        </row>
        <row r="311">
          <cell r="G311">
            <v>2653010</v>
          </cell>
          <cell r="H311" t="str">
            <v>UJIER</v>
          </cell>
        </row>
        <row r="312">
          <cell r="G312">
            <v>2653020</v>
          </cell>
          <cell r="H312" t="str">
            <v>DACTILOGRAFO</v>
          </cell>
        </row>
        <row r="313">
          <cell r="A313">
            <v>237</v>
          </cell>
          <cell r="B313" t="str">
            <v>DR. BOTREL</v>
          </cell>
          <cell r="F313" t="str">
            <v>DP</v>
          </cell>
        </row>
        <row r="314">
          <cell r="A314">
            <v>238</v>
          </cell>
          <cell r="B314" t="str">
            <v>ELIGIO AMADO</v>
          </cell>
          <cell r="C314" t="str">
            <v>FIGUEREDO BOGADO</v>
          </cell>
          <cell r="D314" t="str">
            <v>1286088</v>
          </cell>
          <cell r="E314">
            <v>2655000</v>
          </cell>
          <cell r="F314" t="str">
            <v>PP</v>
          </cell>
          <cell r="H314" t="str">
            <v>JUEZ</v>
          </cell>
        </row>
        <row r="315">
          <cell r="A315">
            <v>239</v>
          </cell>
          <cell r="B315" t="str">
            <v>ALEJANDRO</v>
          </cell>
          <cell r="C315" t="str">
            <v>ORTIZ BOGADO</v>
          </cell>
          <cell r="D315" t="str">
            <v>1368778</v>
          </cell>
          <cell r="E315">
            <v>2656000</v>
          </cell>
          <cell r="F315" t="str">
            <v>PP</v>
          </cell>
          <cell r="H315" t="str">
            <v>SECRETARIO</v>
          </cell>
        </row>
        <row r="316">
          <cell r="G316">
            <v>2656010</v>
          </cell>
          <cell r="H316" t="str">
            <v>UJIER</v>
          </cell>
        </row>
        <row r="317">
          <cell r="G317">
            <v>2656020</v>
          </cell>
          <cell r="H317" t="str">
            <v>DACTILOGRAFO</v>
          </cell>
        </row>
        <row r="318">
          <cell r="A318">
            <v>240</v>
          </cell>
          <cell r="B318" t="str">
            <v>SAN JUAN NEPOMUCENO</v>
          </cell>
          <cell r="F318" t="str">
            <v>DP</v>
          </cell>
        </row>
        <row r="319">
          <cell r="A319">
            <v>241</v>
          </cell>
          <cell r="B319" t="str">
            <v>JORGE BERNARDINO</v>
          </cell>
          <cell r="C319" t="str">
            <v>GABAZZA DELVALLE</v>
          </cell>
          <cell r="D319" t="str">
            <v>656756</v>
          </cell>
          <cell r="E319">
            <v>2658000</v>
          </cell>
          <cell r="F319" t="str">
            <v>PP</v>
          </cell>
          <cell r="H319" t="str">
            <v>JUEZ EN LO CIVIL Y C</v>
          </cell>
        </row>
        <row r="320">
          <cell r="A320">
            <v>242</v>
          </cell>
          <cell r="B320" t="str">
            <v>TIMOTEO</v>
          </cell>
          <cell r="C320" t="str">
            <v>FLORES CAÑIZA</v>
          </cell>
          <cell r="D320" t="str">
            <v>247909</v>
          </cell>
          <cell r="E320">
            <v>2659000</v>
          </cell>
          <cell r="F320" t="str">
            <v>PP</v>
          </cell>
          <cell r="H320" t="str">
            <v>SECRETARIO</v>
          </cell>
        </row>
        <row r="321">
          <cell r="G321">
            <v>2659010</v>
          </cell>
          <cell r="H321" t="str">
            <v>UJIER</v>
          </cell>
        </row>
        <row r="322">
          <cell r="G322">
            <v>2659020</v>
          </cell>
          <cell r="H322" t="str">
            <v>DACTILOGRAFO</v>
          </cell>
        </row>
        <row r="323">
          <cell r="A323">
            <v>243</v>
          </cell>
          <cell r="B323" t="str">
            <v>OSVALDO RUBEN</v>
          </cell>
          <cell r="C323" t="str">
            <v>CHAVEZ GONZALEZ</v>
          </cell>
          <cell r="D323" t="str">
            <v>1322434</v>
          </cell>
          <cell r="E323">
            <v>2660000</v>
          </cell>
          <cell r="F323" t="str">
            <v>PP</v>
          </cell>
          <cell r="H323" t="str">
            <v>JUEZ EN LO CRIMINAL</v>
          </cell>
        </row>
        <row r="324">
          <cell r="A324">
            <v>244</v>
          </cell>
          <cell r="B324" t="str">
            <v>APARICIO</v>
          </cell>
          <cell r="C324" t="str">
            <v>ESPINOLA VERDUN</v>
          </cell>
          <cell r="D324" t="str">
            <v>437097</v>
          </cell>
          <cell r="E324">
            <v>2661000</v>
          </cell>
          <cell r="F324" t="str">
            <v>PP</v>
          </cell>
          <cell r="H324" t="str">
            <v>SECRETARIO</v>
          </cell>
        </row>
        <row r="325">
          <cell r="G325">
            <v>2661010</v>
          </cell>
          <cell r="H325" t="str">
            <v>UJIER</v>
          </cell>
        </row>
        <row r="326">
          <cell r="G326">
            <v>2661020</v>
          </cell>
          <cell r="H326" t="str">
            <v>DACTILOGRAFO</v>
          </cell>
        </row>
        <row r="327">
          <cell r="A327">
            <v>245</v>
          </cell>
          <cell r="B327" t="str">
            <v>YUTY</v>
          </cell>
          <cell r="F327" t="str">
            <v>DP</v>
          </cell>
        </row>
        <row r="328">
          <cell r="A328">
            <v>246</v>
          </cell>
          <cell r="B328" t="str">
            <v>ESTANISLAO</v>
          </cell>
          <cell r="C328" t="str">
            <v>ANSOATEGUI F.</v>
          </cell>
          <cell r="D328" t="str">
            <v>346623</v>
          </cell>
          <cell r="E328">
            <v>2663000</v>
          </cell>
          <cell r="F328" t="str">
            <v>PP</v>
          </cell>
          <cell r="H328" t="str">
            <v>JUEZ EN LO CIVIL Y C</v>
          </cell>
        </row>
        <row r="329">
          <cell r="A329">
            <v>247</v>
          </cell>
          <cell r="B329" t="str">
            <v>LUIS ALBERTO</v>
          </cell>
          <cell r="C329" t="str">
            <v>GOMEZ MENDIETA</v>
          </cell>
          <cell r="D329" t="str">
            <v>881738</v>
          </cell>
          <cell r="E329">
            <v>2664000</v>
          </cell>
          <cell r="F329" t="str">
            <v>PP</v>
          </cell>
          <cell r="H329" t="str">
            <v>SECRETARIO</v>
          </cell>
        </row>
        <row r="330">
          <cell r="G330">
            <v>2664010</v>
          </cell>
          <cell r="H330" t="str">
            <v>UJIER</v>
          </cell>
        </row>
        <row r="331">
          <cell r="G331">
            <v>2664020</v>
          </cell>
          <cell r="H331" t="str">
            <v>DACTILOGRAFO</v>
          </cell>
        </row>
        <row r="332">
          <cell r="A332">
            <v>248</v>
          </cell>
          <cell r="B332" t="str">
            <v>CANDIDO COLON</v>
          </cell>
          <cell r="C332" t="str">
            <v>VERA CIBILS</v>
          </cell>
          <cell r="D332" t="str">
            <v>919652</v>
          </cell>
          <cell r="E332">
            <v>2665000</v>
          </cell>
          <cell r="F332" t="str">
            <v>PP</v>
          </cell>
          <cell r="H332" t="str">
            <v>JUEZ EN LO CRIMINAL</v>
          </cell>
        </row>
        <row r="333">
          <cell r="A333">
            <v>249</v>
          </cell>
          <cell r="B333" t="str">
            <v>GENIENE EVELINDA</v>
          </cell>
          <cell r="C333" t="str">
            <v>ROMERO MARTINEZ</v>
          </cell>
          <cell r="D333" t="str">
            <v>762806</v>
          </cell>
          <cell r="E333">
            <v>2666000</v>
          </cell>
          <cell r="F333" t="str">
            <v>PP</v>
          </cell>
          <cell r="H333" t="str">
            <v>SECRETARIO</v>
          </cell>
        </row>
        <row r="334">
          <cell r="G334">
            <v>2666010</v>
          </cell>
          <cell r="H334" t="str">
            <v>UJIER</v>
          </cell>
        </row>
        <row r="335">
          <cell r="G335">
            <v>2666020</v>
          </cell>
          <cell r="H335" t="str">
            <v>DACTILOGRAFO</v>
          </cell>
        </row>
        <row r="336">
          <cell r="A336">
            <v>250</v>
          </cell>
          <cell r="B336" t="str">
            <v>ITURBE</v>
          </cell>
          <cell r="F336" t="str">
            <v>DP</v>
          </cell>
        </row>
        <row r="337">
          <cell r="A337">
            <v>251</v>
          </cell>
          <cell r="B337" t="str">
            <v>NORMA</v>
          </cell>
          <cell r="C337" t="str">
            <v>BENITEZ VILLALBA</v>
          </cell>
          <cell r="D337" t="str">
            <v>1392952</v>
          </cell>
          <cell r="E337">
            <v>2668000</v>
          </cell>
          <cell r="F337" t="str">
            <v>PP</v>
          </cell>
          <cell r="H337" t="str">
            <v>JUEZ PAZ ITURBE</v>
          </cell>
        </row>
        <row r="338">
          <cell r="A338">
            <v>252</v>
          </cell>
          <cell r="B338" t="str">
            <v>ISIDRO</v>
          </cell>
          <cell r="C338" t="str">
            <v>DUARTE JARA</v>
          </cell>
          <cell r="D338" t="str">
            <v>1011653</v>
          </cell>
          <cell r="E338">
            <v>2669000</v>
          </cell>
          <cell r="F338" t="str">
            <v>PP</v>
          </cell>
          <cell r="H338" t="str">
            <v>SECRETARIO</v>
          </cell>
        </row>
        <row r="339">
          <cell r="A339">
            <v>253</v>
          </cell>
          <cell r="B339" t="str">
            <v>V A C A N T E</v>
          </cell>
          <cell r="E339">
            <v>2670000</v>
          </cell>
          <cell r="F339" t="str">
            <v>VP</v>
          </cell>
          <cell r="H339" t="str">
            <v>UJIER</v>
          </cell>
        </row>
        <row r="340">
          <cell r="G340">
            <v>2670010</v>
          </cell>
          <cell r="H340" t="str">
            <v>DACTILOGRAFO</v>
          </cell>
        </row>
        <row r="341">
          <cell r="A341">
            <v>254</v>
          </cell>
          <cell r="B341" t="str">
            <v>MACIEL</v>
          </cell>
          <cell r="F341" t="str">
            <v>DP</v>
          </cell>
        </row>
        <row r="342">
          <cell r="A342">
            <v>255</v>
          </cell>
          <cell r="B342" t="str">
            <v>DIANA EVELYN</v>
          </cell>
          <cell r="C342" t="str">
            <v>PORTILLO BARRIOS</v>
          </cell>
          <cell r="D342" t="str">
            <v>1693264</v>
          </cell>
          <cell r="E342">
            <v>2672000</v>
          </cell>
          <cell r="F342" t="str">
            <v>PP</v>
          </cell>
          <cell r="H342" t="str">
            <v>JUEZ</v>
          </cell>
        </row>
        <row r="343">
          <cell r="A343">
            <v>256</v>
          </cell>
          <cell r="B343" t="str">
            <v>CARLOS ANTONIO</v>
          </cell>
          <cell r="C343" t="str">
            <v>MARTINEZ PALACIOS</v>
          </cell>
          <cell r="D343" t="str">
            <v>1076428</v>
          </cell>
          <cell r="E343">
            <v>2673000</v>
          </cell>
          <cell r="F343" t="str">
            <v>PP</v>
          </cell>
          <cell r="H343" t="str">
            <v>SECRETARIO</v>
          </cell>
        </row>
        <row r="344">
          <cell r="G344">
            <v>2673010</v>
          </cell>
          <cell r="H344" t="str">
            <v>UJIER</v>
          </cell>
        </row>
        <row r="345">
          <cell r="G345">
            <v>2673020</v>
          </cell>
          <cell r="H345" t="str">
            <v>DACTILOGRAFO</v>
          </cell>
        </row>
        <row r="346">
          <cell r="A346">
            <v>257</v>
          </cell>
          <cell r="B346" t="str">
            <v>PASO YOBAY</v>
          </cell>
          <cell r="F346" t="str">
            <v>DP</v>
          </cell>
        </row>
        <row r="347">
          <cell r="A347">
            <v>258</v>
          </cell>
          <cell r="B347" t="str">
            <v>ELIDA CONCEPCION</v>
          </cell>
          <cell r="C347" t="str">
            <v>BOGADO</v>
          </cell>
          <cell r="D347" t="str">
            <v>1289599</v>
          </cell>
          <cell r="E347">
            <v>2675000</v>
          </cell>
          <cell r="F347" t="str">
            <v>PP</v>
          </cell>
          <cell r="H347" t="str">
            <v>JUEZ</v>
          </cell>
        </row>
        <row r="348">
          <cell r="A348">
            <v>259</v>
          </cell>
          <cell r="B348" t="str">
            <v>DERLIS DARIO</v>
          </cell>
          <cell r="C348" t="str">
            <v>PERALTA BAEZ</v>
          </cell>
          <cell r="D348" t="str">
            <v>2317766</v>
          </cell>
          <cell r="E348">
            <v>2676000</v>
          </cell>
          <cell r="F348" t="str">
            <v>PP</v>
          </cell>
          <cell r="H348" t="str">
            <v>SECRETARIO</v>
          </cell>
        </row>
        <row r="349">
          <cell r="G349">
            <v>2676010</v>
          </cell>
          <cell r="H349" t="str">
            <v>UJIER</v>
          </cell>
        </row>
        <row r="350">
          <cell r="G350">
            <v>2676020</v>
          </cell>
          <cell r="H350" t="str">
            <v>DACTILOGRAFO</v>
          </cell>
        </row>
        <row r="351">
          <cell r="A351">
            <v>260</v>
          </cell>
          <cell r="B351" t="str">
            <v>V A C A N T E</v>
          </cell>
          <cell r="E351">
            <v>2677000</v>
          </cell>
          <cell r="F351" t="str">
            <v>VP</v>
          </cell>
          <cell r="H351" t="str">
            <v>JUEZ</v>
          </cell>
        </row>
        <row r="352">
          <cell r="A352">
            <v>261</v>
          </cell>
          <cell r="B352" t="str">
            <v>V A C A N T E</v>
          </cell>
          <cell r="E352">
            <v>2678000</v>
          </cell>
          <cell r="F352" t="str">
            <v>VP</v>
          </cell>
          <cell r="H352" t="str">
            <v>SECRETARIO</v>
          </cell>
        </row>
        <row r="353">
          <cell r="G353">
            <v>2678010</v>
          </cell>
          <cell r="H353" t="str">
            <v>UJIER</v>
          </cell>
        </row>
        <row r="354">
          <cell r="G354">
            <v>2678020</v>
          </cell>
          <cell r="H354" t="str">
            <v>DACTILOGRAFO</v>
          </cell>
        </row>
        <row r="355">
          <cell r="A355">
            <v>262</v>
          </cell>
          <cell r="B355" t="str">
            <v>MOISES BERTONI</v>
          </cell>
          <cell r="F355" t="str">
            <v>DP</v>
          </cell>
        </row>
        <row r="356">
          <cell r="A356">
            <v>263</v>
          </cell>
          <cell r="B356" t="str">
            <v>ERNESTO</v>
          </cell>
          <cell r="C356" t="str">
            <v>ALVARENGA MARTINEZ</v>
          </cell>
          <cell r="D356" t="str">
            <v>1780873</v>
          </cell>
          <cell r="E356">
            <v>2680000</v>
          </cell>
          <cell r="F356" t="str">
            <v>PP</v>
          </cell>
          <cell r="H356" t="str">
            <v>JUEZ</v>
          </cell>
        </row>
        <row r="357">
          <cell r="A357">
            <v>264</v>
          </cell>
          <cell r="B357" t="str">
            <v>OSCAR ALBERTO</v>
          </cell>
          <cell r="C357" t="str">
            <v>SCAPPINI OVIEDO</v>
          </cell>
          <cell r="D357" t="str">
            <v>1375101</v>
          </cell>
          <cell r="E357">
            <v>2681000</v>
          </cell>
          <cell r="F357" t="str">
            <v>PP</v>
          </cell>
          <cell r="H357" t="str">
            <v>SECRETARIO</v>
          </cell>
        </row>
        <row r="358">
          <cell r="G358">
            <v>2681010</v>
          </cell>
          <cell r="H358" t="str">
            <v>UJIER</v>
          </cell>
        </row>
        <row r="359">
          <cell r="G359">
            <v>2681020</v>
          </cell>
          <cell r="H359" t="str">
            <v>DACTILOGRAFO</v>
          </cell>
        </row>
        <row r="360">
          <cell r="A360">
            <v>265</v>
          </cell>
          <cell r="B360" t="str">
            <v>TAVA'I</v>
          </cell>
          <cell r="F360" t="str">
            <v>DP</v>
          </cell>
        </row>
        <row r="361">
          <cell r="A361">
            <v>266</v>
          </cell>
          <cell r="B361" t="str">
            <v>RUMILDO</v>
          </cell>
          <cell r="C361" t="str">
            <v>BRITEZ GIMENEZ</v>
          </cell>
          <cell r="D361" t="str">
            <v>1312734</v>
          </cell>
          <cell r="E361">
            <v>2683000</v>
          </cell>
          <cell r="F361" t="str">
            <v>PP</v>
          </cell>
          <cell r="H361" t="str">
            <v>JUEZ</v>
          </cell>
        </row>
        <row r="362">
          <cell r="A362">
            <v>267</v>
          </cell>
          <cell r="B362" t="str">
            <v>V A C A N T E</v>
          </cell>
          <cell r="E362">
            <v>2684000</v>
          </cell>
          <cell r="F362" t="str">
            <v>VP</v>
          </cell>
          <cell r="H362" t="str">
            <v>SECRETARIO</v>
          </cell>
        </row>
        <row r="363">
          <cell r="G363">
            <v>2684010</v>
          </cell>
          <cell r="H363" t="str">
            <v>UJIER</v>
          </cell>
        </row>
        <row r="364">
          <cell r="G364">
            <v>2684020</v>
          </cell>
          <cell r="H364" t="str">
            <v>DACTILOGRAFO</v>
          </cell>
        </row>
        <row r="365">
          <cell r="B365" t="str">
            <v>TEBYCUARY</v>
          </cell>
          <cell r="F365" t="str">
            <v>DP</v>
          </cell>
        </row>
        <row r="366">
          <cell r="B366" t="str">
            <v>V A C A N T E</v>
          </cell>
          <cell r="C366" t="str">
            <v/>
          </cell>
          <cell r="D366" t="str">
            <v>1312734</v>
          </cell>
          <cell r="E366" t="str">
            <v/>
          </cell>
          <cell r="F366" t="str">
            <v>PP</v>
          </cell>
          <cell r="G366">
            <v>2684030</v>
          </cell>
          <cell r="H366" t="str">
            <v>JUEZ</v>
          </cell>
        </row>
        <row r="367">
          <cell r="B367" t="str">
            <v>V A C A N T E</v>
          </cell>
          <cell r="E367" t="str">
            <v/>
          </cell>
          <cell r="F367" t="str">
            <v>VP</v>
          </cell>
          <cell r="G367">
            <v>2684040</v>
          </cell>
          <cell r="H367" t="str">
            <v>SECRETARIO</v>
          </cell>
        </row>
        <row r="368">
          <cell r="B368" t="str">
            <v>V A C A N T E</v>
          </cell>
          <cell r="G368">
            <v>2684050</v>
          </cell>
          <cell r="H368" t="str">
            <v>UJIER</v>
          </cell>
        </row>
        <row r="369">
          <cell r="B369" t="str">
            <v>V A C A N T E</v>
          </cell>
          <cell r="G369">
            <v>2684060</v>
          </cell>
          <cell r="H369" t="str">
            <v>DACTILOGRAFO</v>
          </cell>
        </row>
        <row r="370">
          <cell r="B370" t="str">
            <v>SAN AGUSTIN</v>
          </cell>
          <cell r="F370" t="str">
            <v>DP</v>
          </cell>
        </row>
        <row r="371">
          <cell r="B371" t="str">
            <v>V A C A N T E</v>
          </cell>
          <cell r="C371" t="str">
            <v/>
          </cell>
          <cell r="D371" t="str">
            <v>1312734</v>
          </cell>
          <cell r="E371" t="str">
            <v/>
          </cell>
          <cell r="F371" t="str">
            <v>PP</v>
          </cell>
          <cell r="G371">
            <v>2684070</v>
          </cell>
          <cell r="H371" t="str">
            <v>JUEZ</v>
          </cell>
        </row>
        <row r="372">
          <cell r="B372" t="str">
            <v>V A C A N T E</v>
          </cell>
          <cell r="E372" t="str">
            <v/>
          </cell>
          <cell r="F372" t="str">
            <v>VP</v>
          </cell>
          <cell r="G372">
            <v>2684080</v>
          </cell>
          <cell r="H372" t="str">
            <v>SECRETARIO</v>
          </cell>
        </row>
        <row r="373">
          <cell r="B373" t="str">
            <v>V A C A N T E</v>
          </cell>
          <cell r="G373">
            <v>2684090</v>
          </cell>
          <cell r="H373" t="str">
            <v>UJIER</v>
          </cell>
        </row>
        <row r="374">
          <cell r="B374" t="str">
            <v>V A C A N T E</v>
          </cell>
          <cell r="G374">
            <v>2684100</v>
          </cell>
          <cell r="H374" t="str">
            <v>DACTILOGRAFO</v>
          </cell>
        </row>
        <row r="375">
          <cell r="A375">
            <v>268</v>
          </cell>
          <cell r="B375" t="str">
            <v>CIRCUNSCRIPCION JUDICIAL DE VILLARRICA</v>
          </cell>
          <cell r="F375" t="str">
            <v>DP</v>
          </cell>
        </row>
        <row r="376">
          <cell r="A376">
            <v>269</v>
          </cell>
          <cell r="B376" t="str">
            <v>FRANCISCO</v>
          </cell>
          <cell r="C376" t="str">
            <v>ALVARIZA</v>
          </cell>
          <cell r="D376" t="str">
            <v>2448031</v>
          </cell>
          <cell r="E376">
            <v>2686000</v>
          </cell>
          <cell r="F376" t="str">
            <v>PP</v>
          </cell>
          <cell r="H376" t="str">
            <v>ORDENANZA</v>
          </cell>
        </row>
        <row r="377">
          <cell r="A377">
            <v>270</v>
          </cell>
          <cell r="B377" t="str">
            <v>TOTAL MENSUAL</v>
          </cell>
        </row>
        <row r="378">
          <cell r="A378">
            <v>271</v>
          </cell>
          <cell r="B378" t="str">
            <v>TOTAL ANUAL</v>
          </cell>
        </row>
        <row r="379">
          <cell r="A379">
            <v>272</v>
          </cell>
        </row>
        <row r="380">
          <cell r="A380">
            <v>273</v>
          </cell>
        </row>
        <row r="381">
          <cell r="A381">
            <v>274</v>
          </cell>
        </row>
        <row r="382">
          <cell r="A382">
            <v>275</v>
          </cell>
        </row>
        <row r="383">
          <cell r="A383">
            <v>276</v>
          </cell>
        </row>
        <row r="384">
          <cell r="A384">
            <v>277</v>
          </cell>
        </row>
        <row r="385">
          <cell r="A385">
            <v>278</v>
          </cell>
        </row>
        <row r="386">
          <cell r="A386">
            <v>279</v>
          </cell>
        </row>
        <row r="387">
          <cell r="A387">
            <v>280</v>
          </cell>
        </row>
        <row r="388">
          <cell r="A388">
            <v>281</v>
          </cell>
        </row>
        <row r="389">
          <cell r="A389">
            <v>282</v>
          </cell>
        </row>
        <row r="390">
          <cell r="A390">
            <v>283</v>
          </cell>
          <cell r="B390" t="str">
            <v>TIPO  DE PRESUPUESTO</v>
          </cell>
          <cell r="C390" t="str">
            <v>: 2     -  PROGRAMAS DE ACCION</v>
          </cell>
        </row>
        <row r="391">
          <cell r="A391">
            <v>284</v>
          </cell>
          <cell r="B391" t="str">
            <v>PROGRAMA</v>
          </cell>
          <cell r="C391" t="str">
            <v>: 001  -  ADMINISTRACION DE JUSTICIA</v>
          </cell>
        </row>
        <row r="392">
          <cell r="A392">
            <v>285</v>
          </cell>
          <cell r="B392" t="str">
            <v>SUB  -  PROGRAMA</v>
          </cell>
          <cell r="C392" t="str">
            <v>: 02    -  CIRCUNSCRIPCION JUDICIAL GUAIRA Y CAAZAPA</v>
          </cell>
        </row>
        <row r="393">
          <cell r="A393">
            <v>286</v>
          </cell>
          <cell r="B393" t="str">
            <v>OBJETO</v>
          </cell>
          <cell r="C393" t="str">
            <v>: 113  -  GASTOS DE REPRESENTACION</v>
          </cell>
        </row>
        <row r="394">
          <cell r="A394">
            <v>287</v>
          </cell>
          <cell r="B394" t="str">
            <v>FUENTE DE FINANCIAMIENTO</v>
          </cell>
          <cell r="C394" t="str">
            <v>: 10    -  RECURSOS DEL TESORO</v>
          </cell>
        </row>
        <row r="395">
          <cell r="A395">
            <v>288</v>
          </cell>
        </row>
        <row r="396">
          <cell r="A396">
            <v>289</v>
          </cell>
        </row>
        <row r="397">
          <cell r="A397">
            <v>290</v>
          </cell>
          <cell r="E397">
            <v>2687000</v>
          </cell>
          <cell r="H397" t="str">
            <v>MIEMBRO TRIBUNAL DE APELACION</v>
          </cell>
        </row>
        <row r="398">
          <cell r="A398">
            <v>291</v>
          </cell>
          <cell r="E398">
            <v>2688000</v>
          </cell>
          <cell r="H398" t="str">
            <v>JUEZ DE 1RA. INST. CRIM</v>
          </cell>
        </row>
        <row r="399">
          <cell r="G399">
            <v>2688010</v>
          </cell>
          <cell r="H399" t="str">
            <v>JUEZ TUT.DEL MENOR</v>
          </cell>
        </row>
        <row r="400">
          <cell r="A400">
            <v>292</v>
          </cell>
          <cell r="E400">
            <v>2688100</v>
          </cell>
          <cell r="H400" t="str">
            <v>JUEZ TRIB. DE SENTENCIA</v>
          </cell>
        </row>
        <row r="401">
          <cell r="A401">
            <v>293</v>
          </cell>
          <cell r="E401">
            <v>2688110</v>
          </cell>
          <cell r="H401" t="str">
            <v>JUEZ DE EJECUCIÓN</v>
          </cell>
        </row>
        <row r="402">
          <cell r="A402">
            <v>294</v>
          </cell>
          <cell r="E402">
            <v>2688120</v>
          </cell>
          <cell r="H402" t="str">
            <v>JUEZ DE LIQUIDACIÓN</v>
          </cell>
        </row>
        <row r="403">
          <cell r="A403">
            <v>295</v>
          </cell>
          <cell r="E403">
            <v>2688130</v>
          </cell>
          <cell r="H403" t="str">
            <v>JUEZ EN LO PENAL</v>
          </cell>
        </row>
        <row r="404">
          <cell r="A404">
            <v>296</v>
          </cell>
          <cell r="E404">
            <v>2688140</v>
          </cell>
          <cell r="H404" t="str">
            <v>JUEZ EN LO PENAL</v>
          </cell>
        </row>
        <row r="405">
          <cell r="A405">
            <v>297</v>
          </cell>
          <cell r="E405">
            <v>2689000</v>
          </cell>
          <cell r="H405" t="str">
            <v>DEFENSOR</v>
          </cell>
        </row>
        <row r="406">
          <cell r="A406">
            <v>298</v>
          </cell>
          <cell r="E406">
            <v>2689001</v>
          </cell>
          <cell r="H406" t="str">
            <v>DEFENSOR</v>
          </cell>
        </row>
        <row r="407">
          <cell r="G407">
            <v>2688010</v>
          </cell>
          <cell r="H407" t="str">
            <v>ADMINISTRADOR</v>
          </cell>
        </row>
        <row r="408">
          <cell r="A408">
            <v>300</v>
          </cell>
          <cell r="E408">
            <v>2690000</v>
          </cell>
          <cell r="H408" t="str">
            <v>JUEZ DE PAZ</v>
          </cell>
        </row>
        <row r="409">
          <cell r="A409">
            <v>301</v>
          </cell>
          <cell r="E409">
            <v>2690001</v>
          </cell>
          <cell r="H409" t="str">
            <v>JUEZ DE PAZ</v>
          </cell>
        </row>
        <row r="410">
          <cell r="G410">
            <v>2690002</v>
          </cell>
          <cell r="H410" t="str">
            <v>JUEZ DE PAZ</v>
          </cell>
        </row>
        <row r="411">
          <cell r="A411">
            <v>302</v>
          </cell>
          <cell r="E411">
            <v>2691000</v>
          </cell>
          <cell r="H411" t="str">
            <v>SECRETARIO CAMARA DE APELAC.</v>
          </cell>
        </row>
        <row r="412">
          <cell r="G412">
            <v>2691010</v>
          </cell>
          <cell r="H412" t="str">
            <v>SECRETARIO JUZG.TUT. DEL MENOR</v>
          </cell>
        </row>
        <row r="413">
          <cell r="A413">
            <v>303</v>
          </cell>
          <cell r="E413">
            <v>2692000</v>
          </cell>
          <cell r="H413" t="str">
            <v>SECRETARIO 1RA. INST.</v>
          </cell>
        </row>
        <row r="414">
          <cell r="A414">
            <v>304</v>
          </cell>
          <cell r="E414">
            <v>2692100</v>
          </cell>
          <cell r="H414" t="str">
            <v>SECRETARIO TRIBUNAL DE SENTENC.</v>
          </cell>
        </row>
        <row r="415">
          <cell r="A415">
            <v>305</v>
          </cell>
          <cell r="E415">
            <v>2692110</v>
          </cell>
          <cell r="H415" t="str">
            <v>SECRETARIO JUZG. DE EJECUCIÓN</v>
          </cell>
        </row>
        <row r="416">
          <cell r="A416">
            <v>306</v>
          </cell>
          <cell r="E416">
            <v>2694000</v>
          </cell>
          <cell r="H416" t="str">
            <v>SECRETARIO DE LIQUIDACION</v>
          </cell>
        </row>
        <row r="417">
          <cell r="A417">
            <v>307</v>
          </cell>
          <cell r="E417">
            <v>2694100</v>
          </cell>
          <cell r="H417" t="str">
            <v>SECRETARIO JUZG. EN LO PENAL</v>
          </cell>
        </row>
        <row r="418">
          <cell r="A418">
            <v>308</v>
          </cell>
          <cell r="B418" t="str">
            <v>TOTAL MENSUAL</v>
          </cell>
          <cell r="E418" t="str">
            <v/>
          </cell>
        </row>
        <row r="419">
          <cell r="A419">
            <v>309</v>
          </cell>
          <cell r="B419" t="str">
            <v>TOTAL ANUAL</v>
          </cell>
          <cell r="E419" t="str">
            <v/>
          </cell>
        </row>
        <row r="420">
          <cell r="A420">
            <v>310</v>
          </cell>
        </row>
        <row r="421">
          <cell r="A421">
            <v>311</v>
          </cell>
        </row>
        <row r="422">
          <cell r="A422">
            <v>312</v>
          </cell>
        </row>
        <row r="423">
          <cell r="A423">
            <v>313</v>
          </cell>
        </row>
        <row r="424">
          <cell r="A424">
            <v>314</v>
          </cell>
        </row>
        <row r="425">
          <cell r="A425">
            <v>315</v>
          </cell>
        </row>
        <row r="426">
          <cell r="A426">
            <v>316</v>
          </cell>
          <cell r="B426" t="str">
            <v>TIPO  DE PRESUPUESTO</v>
          </cell>
          <cell r="C426" t="str">
            <v>: 2     -  PROGRAMAS DE ACCION</v>
          </cell>
        </row>
        <row r="427">
          <cell r="A427">
            <v>317</v>
          </cell>
          <cell r="B427" t="str">
            <v>PROGRAMA</v>
          </cell>
          <cell r="C427" t="str">
            <v>: 001  -  ADMINISTRACION DE JUSTICIA</v>
          </cell>
        </row>
        <row r="428">
          <cell r="A428">
            <v>318</v>
          </cell>
          <cell r="B428" t="str">
            <v>SUB  -  PROGRAMA</v>
          </cell>
          <cell r="C428" t="str">
            <v>: 03    -  CIRCUNSCRIPCION JUDICIAL ENCARNACION</v>
          </cell>
        </row>
        <row r="429">
          <cell r="A429">
            <v>319</v>
          </cell>
          <cell r="B429" t="str">
            <v>OBJETO</v>
          </cell>
          <cell r="C429" t="str">
            <v>: 111  -  SUELDOS</v>
          </cell>
        </row>
        <row r="430">
          <cell r="A430">
            <v>320</v>
          </cell>
          <cell r="B430" t="str">
            <v>FUENTE DE FINANCIAMIENTO</v>
          </cell>
          <cell r="C430" t="str">
            <v>: 10    -  RECURSOS DEL TESORO</v>
          </cell>
        </row>
        <row r="431">
          <cell r="A431">
            <v>321</v>
          </cell>
        </row>
        <row r="432">
          <cell r="A432">
            <v>322</v>
          </cell>
        </row>
        <row r="433">
          <cell r="A433">
            <v>323</v>
          </cell>
          <cell r="B433" t="str">
            <v>CIRCUNSCRIPCION JUDICIAL DE ENCARNACION</v>
          </cell>
          <cell r="F433" t="str">
            <v>DP</v>
          </cell>
        </row>
        <row r="434">
          <cell r="A434">
            <v>324</v>
          </cell>
          <cell r="B434" t="str">
            <v>TRIB. APEL. C.C. LAB. Y CRIMINAL</v>
          </cell>
          <cell r="F434" t="str">
            <v>DP</v>
          </cell>
        </row>
        <row r="435">
          <cell r="A435">
            <v>325</v>
          </cell>
          <cell r="B435" t="str">
            <v>CARMELO A. V.</v>
          </cell>
          <cell r="C435" t="str">
            <v>CASTIGLIONI A.</v>
          </cell>
          <cell r="D435" t="str">
            <v>353880</v>
          </cell>
          <cell r="E435">
            <v>2702000</v>
          </cell>
          <cell r="F435" t="str">
            <v>PP</v>
          </cell>
          <cell r="H435" t="str">
            <v>MIEMBRO</v>
          </cell>
        </row>
        <row r="436">
          <cell r="A436">
            <v>326</v>
          </cell>
          <cell r="B436" t="str">
            <v>WILFRIDO A. C.</v>
          </cell>
          <cell r="C436" t="str">
            <v>ROLON M.</v>
          </cell>
          <cell r="D436" t="str">
            <v>292292</v>
          </cell>
          <cell r="E436">
            <v>2702000</v>
          </cell>
          <cell r="F436" t="str">
            <v>PP</v>
          </cell>
          <cell r="H436" t="str">
            <v>MIEMBRO</v>
          </cell>
        </row>
        <row r="437">
          <cell r="A437">
            <v>327</v>
          </cell>
          <cell r="B437" t="str">
            <v>SERGIO</v>
          </cell>
          <cell r="C437" t="str">
            <v>MARTYNIUK BARAN</v>
          </cell>
          <cell r="D437" t="str">
            <v>292792</v>
          </cell>
          <cell r="E437">
            <v>2702000</v>
          </cell>
          <cell r="F437" t="str">
            <v>PP</v>
          </cell>
          <cell r="H437" t="str">
            <v>MIEMBRO</v>
          </cell>
        </row>
        <row r="438">
          <cell r="A438">
            <v>328</v>
          </cell>
          <cell r="B438" t="str">
            <v>MIGUEL ANGEL</v>
          </cell>
          <cell r="C438" t="str">
            <v>ZAYAS G.</v>
          </cell>
          <cell r="D438" t="str">
            <v>639957</v>
          </cell>
          <cell r="E438">
            <v>2703000</v>
          </cell>
          <cell r="F438" t="str">
            <v>PP</v>
          </cell>
          <cell r="H438" t="str">
            <v>SECRETARIO</v>
          </cell>
        </row>
        <row r="439">
          <cell r="A439">
            <v>329</v>
          </cell>
          <cell r="B439" t="str">
            <v>PEDRO ESTEBAN</v>
          </cell>
          <cell r="C439" t="str">
            <v>OKRENIEK KURKAS</v>
          </cell>
          <cell r="D439" t="str">
            <v>1239529</v>
          </cell>
          <cell r="E439">
            <v>2704000</v>
          </cell>
          <cell r="F439" t="str">
            <v>PP</v>
          </cell>
          <cell r="H439" t="str">
            <v>UJIER NOTIFICADOR</v>
          </cell>
        </row>
        <row r="440">
          <cell r="A440">
            <v>330</v>
          </cell>
          <cell r="B440" t="str">
            <v>YENNI ELIZABETH</v>
          </cell>
          <cell r="C440" t="str">
            <v>CHAPARRO AREVALOS</v>
          </cell>
          <cell r="D440" t="str">
            <v>1842820</v>
          </cell>
          <cell r="E440">
            <v>2705000</v>
          </cell>
          <cell r="F440" t="str">
            <v>PP</v>
          </cell>
          <cell r="H440" t="str">
            <v>OFICIAL DE SECRETARI</v>
          </cell>
        </row>
        <row r="441">
          <cell r="A441">
            <v>331</v>
          </cell>
          <cell r="B441" t="str">
            <v>ANASTACIA ANGELINA</v>
          </cell>
          <cell r="C441" t="str">
            <v>VERA ALFONSO</v>
          </cell>
          <cell r="D441" t="str">
            <v>1961692</v>
          </cell>
          <cell r="E441">
            <v>2706000</v>
          </cell>
          <cell r="F441" t="str">
            <v>PP</v>
          </cell>
          <cell r="H441" t="str">
            <v>DACTILOGRAFO</v>
          </cell>
        </row>
        <row r="442">
          <cell r="G442">
            <v>2706100</v>
          </cell>
          <cell r="H442" t="str">
            <v>RELATOR</v>
          </cell>
        </row>
        <row r="443">
          <cell r="B443" t="str">
            <v>TRIB. APEL. LABORAL Y TUTELAR DEL MENOR</v>
          </cell>
        </row>
        <row r="444">
          <cell r="G444">
            <v>2706200</v>
          </cell>
          <cell r="H444" t="str">
            <v>MIEMBRO</v>
          </cell>
        </row>
        <row r="445">
          <cell r="G445">
            <v>2706300</v>
          </cell>
          <cell r="H445" t="str">
            <v>MIEMBRO</v>
          </cell>
        </row>
        <row r="446">
          <cell r="G446">
            <v>2706400</v>
          </cell>
          <cell r="H446" t="str">
            <v>MIEMBRO</v>
          </cell>
        </row>
        <row r="447">
          <cell r="G447">
            <v>2706500</v>
          </cell>
          <cell r="H447" t="str">
            <v>SECRETARIO</v>
          </cell>
        </row>
        <row r="448">
          <cell r="G448">
            <v>2706600</v>
          </cell>
          <cell r="H448" t="str">
            <v>UJIER NOTIFICADOR</v>
          </cell>
        </row>
        <row r="449">
          <cell r="G449">
            <v>2706700</v>
          </cell>
          <cell r="H449" t="str">
            <v>OFICIAL DE SECRETARI</v>
          </cell>
        </row>
        <row r="450">
          <cell r="G450">
            <v>2706800</v>
          </cell>
          <cell r="H450" t="str">
            <v>DACTILOGRAFO</v>
          </cell>
        </row>
        <row r="451">
          <cell r="G451">
            <v>2706900</v>
          </cell>
          <cell r="H451" t="str">
            <v>RELATOR</v>
          </cell>
        </row>
        <row r="452">
          <cell r="A452">
            <v>332</v>
          </cell>
          <cell r="B452" t="str">
            <v>TRIB. APEL. CIV. COM. LAB Y CRIMINAL</v>
          </cell>
          <cell r="F452" t="str">
            <v>DP</v>
          </cell>
        </row>
        <row r="453">
          <cell r="A453">
            <v>333</v>
          </cell>
          <cell r="B453" t="str">
            <v>REGINALDO DAGO</v>
          </cell>
          <cell r="C453" t="str">
            <v>FERNANDEZ DUARTE</v>
          </cell>
          <cell r="D453" t="str">
            <v>95320</v>
          </cell>
          <cell r="E453">
            <v>2708000</v>
          </cell>
          <cell r="F453" t="str">
            <v>PP</v>
          </cell>
          <cell r="H453" t="str">
            <v>MIEMBRO</v>
          </cell>
        </row>
        <row r="454">
          <cell r="A454">
            <v>334</v>
          </cell>
          <cell r="B454" t="str">
            <v>LUIS FERNANDO</v>
          </cell>
          <cell r="C454" t="str">
            <v>PASTOR ROYG B.</v>
          </cell>
          <cell r="D454" t="str">
            <v>292728</v>
          </cell>
          <cell r="E454">
            <v>2708000</v>
          </cell>
          <cell r="F454" t="str">
            <v>PP</v>
          </cell>
          <cell r="H454" t="str">
            <v>MIEMBRO</v>
          </cell>
        </row>
        <row r="455">
          <cell r="A455">
            <v>335</v>
          </cell>
          <cell r="B455" t="str">
            <v>DARIO RAMON</v>
          </cell>
          <cell r="C455" t="str">
            <v>ROJAS BALBUENA</v>
          </cell>
          <cell r="D455" t="str">
            <v>502875</v>
          </cell>
          <cell r="E455">
            <v>2708000</v>
          </cell>
          <cell r="F455" t="str">
            <v>PP</v>
          </cell>
          <cell r="H455" t="str">
            <v>MIEMBRO</v>
          </cell>
        </row>
        <row r="456">
          <cell r="A456">
            <v>336</v>
          </cell>
          <cell r="B456" t="str">
            <v>MARIA ZUNILDA</v>
          </cell>
          <cell r="C456" t="str">
            <v>FLEITAS DE VILLALBA</v>
          </cell>
          <cell r="D456" t="str">
            <v>952881</v>
          </cell>
          <cell r="E456">
            <v>2709000</v>
          </cell>
          <cell r="F456" t="str">
            <v>PP</v>
          </cell>
          <cell r="H456" t="str">
            <v>SECRETARIO</v>
          </cell>
        </row>
        <row r="457">
          <cell r="A457">
            <v>337</v>
          </cell>
          <cell r="B457" t="str">
            <v>EDGAR</v>
          </cell>
          <cell r="C457" t="str">
            <v>VILLAVERDE MACIEL</v>
          </cell>
          <cell r="D457" t="str">
            <v>1513995</v>
          </cell>
          <cell r="E457">
            <v>2710000</v>
          </cell>
          <cell r="F457" t="str">
            <v>PP</v>
          </cell>
          <cell r="H457" t="str">
            <v>UJIER NOTIFICADOR</v>
          </cell>
        </row>
        <row r="458">
          <cell r="A458">
            <v>338</v>
          </cell>
          <cell r="B458" t="str">
            <v>JORGE OSMAR</v>
          </cell>
          <cell r="C458" t="str">
            <v>ENCINA ROLIN</v>
          </cell>
          <cell r="D458" t="str">
            <v>1538110</v>
          </cell>
          <cell r="E458">
            <v>2711000</v>
          </cell>
          <cell r="F458" t="str">
            <v>PP</v>
          </cell>
          <cell r="H458" t="str">
            <v>OFICIAL DE SECRETARI</v>
          </cell>
        </row>
        <row r="459">
          <cell r="A459">
            <v>339</v>
          </cell>
          <cell r="B459" t="str">
            <v>GLADYS M.</v>
          </cell>
          <cell r="C459" t="str">
            <v>NUÑEZ DA SILVIRA CANDIA</v>
          </cell>
          <cell r="D459" t="str">
            <v>2498594</v>
          </cell>
          <cell r="E459">
            <v>2712000</v>
          </cell>
          <cell r="F459" t="str">
            <v>PP</v>
          </cell>
          <cell r="H459" t="str">
            <v>DACTILOGRAFO</v>
          </cell>
        </row>
        <row r="460">
          <cell r="G460">
            <v>2712010</v>
          </cell>
          <cell r="H460" t="str">
            <v>RELATOR</v>
          </cell>
        </row>
        <row r="461">
          <cell r="A461">
            <v>340</v>
          </cell>
          <cell r="B461" t="str">
            <v>JUZG. 1RA. INST. C.C. Y LABORAL</v>
          </cell>
          <cell r="F461" t="str">
            <v>DP</v>
          </cell>
        </row>
        <row r="462">
          <cell r="A462">
            <v>341</v>
          </cell>
          <cell r="B462" t="str">
            <v>CARMEN SUSANA</v>
          </cell>
          <cell r="C462" t="str">
            <v>LIAL ESPINOZA</v>
          </cell>
          <cell r="D462" t="str">
            <v>954071</v>
          </cell>
          <cell r="E462">
            <v>2714000</v>
          </cell>
          <cell r="F462" t="str">
            <v>PP</v>
          </cell>
          <cell r="H462" t="str">
            <v>JUEZ</v>
          </cell>
        </row>
        <row r="463">
          <cell r="A463">
            <v>342</v>
          </cell>
          <cell r="B463" t="str">
            <v>ABDON</v>
          </cell>
          <cell r="C463" t="str">
            <v>HERRERA CASTELVI</v>
          </cell>
          <cell r="D463" t="str">
            <v>911362</v>
          </cell>
          <cell r="E463">
            <v>2715000</v>
          </cell>
          <cell r="F463" t="str">
            <v>PP</v>
          </cell>
          <cell r="H463" t="str">
            <v>SECRETARIO</v>
          </cell>
        </row>
        <row r="464">
          <cell r="A464">
            <v>343</v>
          </cell>
          <cell r="B464" t="str">
            <v>CECILIA</v>
          </cell>
          <cell r="C464" t="str">
            <v>ESCOBAR CHIESA</v>
          </cell>
          <cell r="D464" t="str">
            <v>2807193</v>
          </cell>
          <cell r="E464">
            <v>2715000</v>
          </cell>
          <cell r="F464" t="str">
            <v>PP</v>
          </cell>
          <cell r="H464" t="str">
            <v>SECRETARIO</v>
          </cell>
        </row>
        <row r="465">
          <cell r="A465">
            <v>344</v>
          </cell>
          <cell r="B465" t="str">
            <v>ZULMA NUÑEZ</v>
          </cell>
          <cell r="C465" t="str">
            <v>DA SILVEIRA DE ORTIZ</v>
          </cell>
          <cell r="D465" t="str">
            <v>881035</v>
          </cell>
          <cell r="E465">
            <v>2716000</v>
          </cell>
          <cell r="F465" t="str">
            <v>PP</v>
          </cell>
          <cell r="H465" t="str">
            <v>UJIER NOTIFICADOR</v>
          </cell>
        </row>
        <row r="466">
          <cell r="A466">
            <v>345</v>
          </cell>
          <cell r="B466" t="str">
            <v>JUAN N.</v>
          </cell>
          <cell r="C466" t="str">
            <v>COLMAN ALVAREZ</v>
          </cell>
          <cell r="D466" t="str">
            <v>1416681</v>
          </cell>
          <cell r="E466">
            <v>2717000</v>
          </cell>
          <cell r="F466" t="str">
            <v>PP</v>
          </cell>
          <cell r="H466" t="str">
            <v>OFICIAL DE SECRETARI</v>
          </cell>
        </row>
        <row r="467">
          <cell r="A467">
            <v>346</v>
          </cell>
          <cell r="B467" t="str">
            <v>NANCY E.</v>
          </cell>
          <cell r="C467" t="str">
            <v>AREVALOS ORTIZ</v>
          </cell>
          <cell r="D467" t="str">
            <v>1524157</v>
          </cell>
          <cell r="E467">
            <v>2717000</v>
          </cell>
          <cell r="F467" t="str">
            <v>PP</v>
          </cell>
          <cell r="H467" t="str">
            <v>OFICIAL DE SECRETARI</v>
          </cell>
        </row>
        <row r="468">
          <cell r="A468">
            <v>347</v>
          </cell>
          <cell r="B468" t="str">
            <v>GUSTAVO RAMON</v>
          </cell>
          <cell r="C468" t="str">
            <v>ARZAMENDIA</v>
          </cell>
          <cell r="D468" t="str">
            <v>2019537</v>
          </cell>
          <cell r="E468">
            <v>2718000</v>
          </cell>
          <cell r="F468" t="str">
            <v>PP</v>
          </cell>
          <cell r="H468" t="str">
            <v>DACTILOGRAFO</v>
          </cell>
        </row>
        <row r="469">
          <cell r="A469">
            <v>348</v>
          </cell>
          <cell r="B469" t="str">
            <v>CLAUDIA GRISELDA</v>
          </cell>
          <cell r="C469" t="str">
            <v>ZAYAS CONTRERAS</v>
          </cell>
          <cell r="D469" t="str">
            <v>3827420</v>
          </cell>
          <cell r="E469">
            <v>2718000</v>
          </cell>
          <cell r="F469" t="str">
            <v>VP</v>
          </cell>
          <cell r="H469" t="str">
            <v>DACTILOGRAFO</v>
          </cell>
        </row>
        <row r="470">
          <cell r="A470">
            <v>349</v>
          </cell>
          <cell r="B470" t="str">
            <v>TRIBUNAL DE SENTENCIA</v>
          </cell>
        </row>
        <row r="471">
          <cell r="A471">
            <v>350</v>
          </cell>
          <cell r="B471" t="str">
            <v>VACANTE</v>
          </cell>
          <cell r="E471">
            <v>2719000</v>
          </cell>
          <cell r="H471" t="str">
            <v>JUEZ EN LO PENAL</v>
          </cell>
        </row>
        <row r="472">
          <cell r="A472">
            <v>351</v>
          </cell>
          <cell r="B472" t="str">
            <v>VACANTE</v>
          </cell>
          <cell r="E472">
            <v>2719000</v>
          </cell>
          <cell r="H472" t="str">
            <v>JUEZ EN LO PENAL</v>
          </cell>
        </row>
        <row r="473">
          <cell r="A473">
            <v>352</v>
          </cell>
          <cell r="B473" t="str">
            <v>VACANTE</v>
          </cell>
          <cell r="E473">
            <v>2719000</v>
          </cell>
          <cell r="H473" t="str">
            <v>JUEZ EN LO PENAL</v>
          </cell>
        </row>
        <row r="474">
          <cell r="A474">
            <v>353</v>
          </cell>
          <cell r="B474" t="str">
            <v>VACANTE</v>
          </cell>
          <cell r="E474">
            <v>2719100</v>
          </cell>
          <cell r="H474" t="str">
            <v>SECRETARIO</v>
          </cell>
        </row>
        <row r="475">
          <cell r="A475">
            <v>354</v>
          </cell>
          <cell r="B475" t="str">
            <v>VACANTE</v>
          </cell>
          <cell r="E475">
            <v>2719110</v>
          </cell>
          <cell r="H475" t="str">
            <v>UJIER NOTIFICADOR</v>
          </cell>
        </row>
        <row r="476">
          <cell r="A476">
            <v>355</v>
          </cell>
          <cell r="B476" t="str">
            <v>VACANTE</v>
          </cell>
          <cell r="E476">
            <v>2719120</v>
          </cell>
          <cell r="H476" t="str">
            <v>OFICIAL DE SECRETARIA</v>
          </cell>
        </row>
        <row r="477">
          <cell r="A477">
            <v>356</v>
          </cell>
          <cell r="B477" t="str">
            <v>VACANTE</v>
          </cell>
          <cell r="E477">
            <v>2719130</v>
          </cell>
          <cell r="H477" t="str">
            <v>DACTILOGRAFO</v>
          </cell>
        </row>
        <row r="478">
          <cell r="A478">
            <v>357</v>
          </cell>
          <cell r="B478" t="str">
            <v>JUZGADO DE EJECUCION</v>
          </cell>
        </row>
        <row r="479">
          <cell r="A479">
            <v>358</v>
          </cell>
          <cell r="B479" t="str">
            <v>VACANTE</v>
          </cell>
          <cell r="E479">
            <v>2719150</v>
          </cell>
          <cell r="H479" t="str">
            <v>JUEZ  DE EJECUCIÓN</v>
          </cell>
        </row>
        <row r="480">
          <cell r="A480">
            <v>359</v>
          </cell>
          <cell r="B480" t="str">
            <v>VACANTE</v>
          </cell>
          <cell r="E480">
            <v>2719160</v>
          </cell>
          <cell r="H480" t="str">
            <v>SECRETARIO</v>
          </cell>
        </row>
        <row r="481">
          <cell r="A481">
            <v>360</v>
          </cell>
          <cell r="B481" t="str">
            <v>VACANTE</v>
          </cell>
          <cell r="E481">
            <v>2719170</v>
          </cell>
          <cell r="H481" t="str">
            <v>DACTILOGRAFO</v>
          </cell>
        </row>
        <row r="482">
          <cell r="A482">
            <v>361</v>
          </cell>
          <cell r="B482" t="str">
            <v>VACANTE</v>
          </cell>
          <cell r="E482">
            <v>2719180</v>
          </cell>
          <cell r="H482" t="str">
            <v>UJIER NOTIFICADOR</v>
          </cell>
        </row>
        <row r="483">
          <cell r="A483">
            <v>362</v>
          </cell>
          <cell r="B483" t="str">
            <v>VACANTE</v>
          </cell>
          <cell r="E483">
            <v>2719190</v>
          </cell>
          <cell r="H483" t="str">
            <v>ASISTENTE SOCIAL</v>
          </cell>
        </row>
        <row r="484">
          <cell r="A484">
            <v>363</v>
          </cell>
          <cell r="B484" t="str">
            <v>JUZG. 1RA.INST. EN LO CRIMINAL Y CORRECCIONAL (LIQUIDACION)</v>
          </cell>
          <cell r="F484" t="str">
            <v>DP</v>
          </cell>
        </row>
        <row r="485">
          <cell r="A485">
            <v>364</v>
          </cell>
          <cell r="B485" t="str">
            <v>LUIS ALBERTO</v>
          </cell>
          <cell r="C485" t="str">
            <v>GARCIA CABRERA</v>
          </cell>
          <cell r="D485" t="str">
            <v>817122</v>
          </cell>
          <cell r="E485">
            <v>2720000</v>
          </cell>
          <cell r="F485" t="str">
            <v>PP</v>
          </cell>
          <cell r="H485" t="str">
            <v>JUEZ</v>
          </cell>
        </row>
        <row r="486">
          <cell r="A486">
            <v>365</v>
          </cell>
          <cell r="B486" t="str">
            <v xml:space="preserve">GUILLERMO ADALBERTO </v>
          </cell>
          <cell r="C486" t="str">
            <v>SKANATA</v>
          </cell>
          <cell r="E486">
            <v>2720000</v>
          </cell>
          <cell r="H486" t="str">
            <v>JUEZ</v>
          </cell>
        </row>
        <row r="487">
          <cell r="A487">
            <v>366</v>
          </cell>
          <cell r="B487" t="str">
            <v>ELLY R.</v>
          </cell>
          <cell r="C487" t="str">
            <v>MOLAS TROCHE</v>
          </cell>
          <cell r="D487" t="str">
            <v>1233794</v>
          </cell>
          <cell r="E487">
            <v>2721000</v>
          </cell>
          <cell r="F487" t="str">
            <v>PP</v>
          </cell>
          <cell r="H487" t="str">
            <v>SECRETARIO</v>
          </cell>
        </row>
        <row r="488">
          <cell r="A488">
            <v>367</v>
          </cell>
          <cell r="B488" t="str">
            <v>V A C A N T E</v>
          </cell>
          <cell r="E488">
            <v>2721000</v>
          </cell>
          <cell r="F488" t="str">
            <v>VP</v>
          </cell>
          <cell r="H488" t="str">
            <v>SECRETARIO</v>
          </cell>
        </row>
        <row r="489">
          <cell r="A489">
            <v>368</v>
          </cell>
          <cell r="B489" t="str">
            <v>MARCOS SUMI</v>
          </cell>
          <cell r="C489" t="str">
            <v>OKUBO</v>
          </cell>
          <cell r="E489">
            <v>2721000</v>
          </cell>
          <cell r="H489" t="str">
            <v>SECRETARIO</v>
          </cell>
        </row>
        <row r="490">
          <cell r="A490">
            <v>369</v>
          </cell>
          <cell r="B490" t="str">
            <v>ALCIRA NOEMI</v>
          </cell>
          <cell r="C490" t="str">
            <v>INSFRAN DE FARIA</v>
          </cell>
          <cell r="E490">
            <v>2721000</v>
          </cell>
          <cell r="H490" t="str">
            <v>SECRETARIO</v>
          </cell>
        </row>
        <row r="491">
          <cell r="A491">
            <v>370</v>
          </cell>
          <cell r="B491" t="str">
            <v>MARIO EDUARDO</v>
          </cell>
          <cell r="C491" t="str">
            <v>GIMENEZ GONZALEZ</v>
          </cell>
          <cell r="D491" t="str">
            <v>1986379</v>
          </cell>
          <cell r="E491">
            <v>2722000</v>
          </cell>
          <cell r="F491" t="str">
            <v>PP</v>
          </cell>
          <cell r="H491" t="str">
            <v>OFICIAL DE SECRETARI</v>
          </cell>
        </row>
        <row r="492">
          <cell r="A492">
            <v>371</v>
          </cell>
          <cell r="B492" t="str">
            <v>ANITA BUSS</v>
          </cell>
          <cell r="C492" t="str">
            <v>KISSZKO</v>
          </cell>
          <cell r="D492" t="str">
            <v>1462548</v>
          </cell>
          <cell r="E492">
            <v>2722000</v>
          </cell>
          <cell r="F492" t="str">
            <v>PP</v>
          </cell>
          <cell r="H492" t="str">
            <v>OFICIAL DE SECRETARI</v>
          </cell>
        </row>
        <row r="493">
          <cell r="A493">
            <v>372</v>
          </cell>
          <cell r="B493" t="str">
            <v>JUANA IGNACIA</v>
          </cell>
          <cell r="C493" t="str">
            <v>DELVALLE</v>
          </cell>
          <cell r="E493">
            <v>2722000</v>
          </cell>
          <cell r="H493" t="str">
            <v>OFICIAL DE SECRETARIA</v>
          </cell>
        </row>
        <row r="494">
          <cell r="A494">
            <v>373</v>
          </cell>
          <cell r="B494" t="str">
            <v>OSCAR RUBEN</v>
          </cell>
          <cell r="C494" t="str">
            <v>PEREZ DOMINGUEZ</v>
          </cell>
          <cell r="E494">
            <v>2722000</v>
          </cell>
          <cell r="H494" t="str">
            <v>OFICIAL DE SECRETARIA</v>
          </cell>
        </row>
        <row r="495">
          <cell r="A495">
            <v>374</v>
          </cell>
          <cell r="B495" t="str">
            <v>LILIAN ELIZABETH</v>
          </cell>
          <cell r="C495" t="str">
            <v>BENITEZ LEDESMA</v>
          </cell>
          <cell r="D495" t="str">
            <v>1533401</v>
          </cell>
          <cell r="E495">
            <v>2723000</v>
          </cell>
          <cell r="F495" t="str">
            <v>PP</v>
          </cell>
          <cell r="H495" t="str">
            <v>DACTILOGRAFO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  <sheetName val="RESUMEN__10%"/>
      <sheetName val="RESUMEN__20%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6">
          <cell r="B16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5">
          <cell r="A125">
            <v>785155</v>
          </cell>
          <cell r="B125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2">
          <cell r="B132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6">
          <cell r="A156">
            <v>53030</v>
          </cell>
          <cell r="B156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59">
          <cell r="B159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7">
          <cell r="A207">
            <v>207250</v>
          </cell>
          <cell r="B207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4">
          <cell r="B214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3">
          <cell r="B233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3">
          <cell r="A273">
            <v>264120</v>
          </cell>
          <cell r="B273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2">
          <cell r="B282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4">
          <cell r="B294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2">
          <cell r="A322">
            <v>141140</v>
          </cell>
          <cell r="B322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29">
          <cell r="B329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5">
          <cell r="B345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2">
          <cell r="B352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8">
          <cell r="A368">
            <v>23235</v>
          </cell>
          <cell r="B368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5">
          <cell r="B375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2">
          <cell r="B382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7">
          <cell r="B387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4">
          <cell r="B394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5">
          <cell r="A445">
            <v>50060</v>
          </cell>
          <cell r="B445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2">
          <cell r="B452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8">
          <cell r="B468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3">
          <cell r="A533">
            <v>144050</v>
          </cell>
          <cell r="B533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0">
          <cell r="B540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1">
          <cell r="B551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3">
          <cell r="A573">
            <v>23215</v>
          </cell>
          <cell r="B573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0">
          <cell r="B580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1">
          <cell r="B591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8">
          <cell r="B598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7">
          <cell r="A627">
            <v>16405</v>
          </cell>
          <cell r="B627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5">
          <cell r="B635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5">
          <cell r="A645">
            <v>4010</v>
          </cell>
          <cell r="B645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49">
          <cell r="B649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2">
          <cell r="A682">
            <v>77000</v>
          </cell>
          <cell r="B682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1">
          <cell r="B691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0">
          <cell r="A700">
            <v>2055</v>
          </cell>
          <cell r="B700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  <xxl21:relativeUrl r:id="rId3"/>
    </xxl21:alternateUrls>
    <sheetNames>
      <sheetName val="Ingresos"/>
      <sheetName val="Por T.P."/>
      <sheetName val="Por G.G."/>
      <sheetName val="Por G.G. y F.F."/>
      <sheetName val="Por Prog-Act (100-900)"/>
      <sheetName val="Por Prog-Act (200-900)"/>
      <sheetName val="Por O.G."/>
      <sheetName val="Por O.G. 100"/>
      <sheetName val="Por F.F O.y P."/>
      <sheetName val="Ejecucion del Plan Financiero "/>
      <sheetName val="MODIF. FINANC. P.F."/>
      <sheetName val="Transf. de Crédito"/>
      <sheetName val="Programas de Inversion"/>
    </sheetNames>
    <sheetDataSet>
      <sheetData sheetId="0"/>
      <sheetData sheetId="1"/>
      <sheetData sheetId="2">
        <row r="17">
          <cell r="B17">
            <v>1916652520343</v>
          </cell>
          <cell r="C17">
            <v>0</v>
          </cell>
          <cell r="D17">
            <v>1916652520343</v>
          </cell>
          <cell r="E17">
            <v>674264683030</v>
          </cell>
          <cell r="F17">
            <v>1242387837313</v>
          </cell>
          <cell r="G17">
            <v>0.35179286588125791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B050"/>
  </sheetPr>
  <dimension ref="A1:HC45"/>
  <sheetViews>
    <sheetView showGridLines="0" tabSelected="1" view="pageBreakPreview" topLeftCell="A37" zoomScale="130" zoomScaleNormal="85" zoomScaleSheetLayoutView="130" workbookViewId="0">
      <selection activeCell="E49" sqref="E49"/>
    </sheetView>
  </sheetViews>
  <sheetFormatPr baseColWidth="10" defaultRowHeight="16.5" x14ac:dyDescent="0.3"/>
  <cols>
    <col min="1" max="1" width="40.140625" style="69" customWidth="1"/>
    <col min="2" max="2" width="18.42578125" style="62" customWidth="1"/>
    <col min="3" max="3" width="19.7109375" style="62" customWidth="1"/>
    <col min="4" max="4" width="22.28515625" style="62" customWidth="1"/>
    <col min="5" max="5" width="17" style="62" customWidth="1"/>
    <col min="6" max="6" width="7.7109375" style="62" customWidth="1"/>
    <col min="7" max="7" width="20.5703125" style="62" customWidth="1"/>
    <col min="8" max="8" width="23" style="62" customWidth="1"/>
    <col min="9" max="16384" width="11.42578125" style="62"/>
  </cols>
  <sheetData>
    <row r="1" spans="1:211" s="124" customFormat="1" ht="12.75" x14ac:dyDescent="0.2">
      <c r="J1" s="150"/>
    </row>
    <row r="2" spans="1:211" s="124" customFormat="1" ht="12.75" x14ac:dyDescent="0.2">
      <c r="J2" s="150"/>
    </row>
    <row r="3" spans="1:211" s="124" customFormat="1" ht="18" customHeight="1" x14ac:dyDescent="0.2">
      <c r="J3" s="150"/>
    </row>
    <row r="4" spans="1:211" s="124" customFormat="1" ht="13.5" customHeight="1" x14ac:dyDescent="0.2">
      <c r="A4" s="125" t="s">
        <v>70</v>
      </c>
      <c r="B4" s="126"/>
      <c r="C4" s="126"/>
      <c r="D4" s="126"/>
      <c r="E4" s="126"/>
      <c r="J4" s="150"/>
    </row>
    <row r="5" spans="1:211" s="112" customFormat="1" ht="16.5" customHeight="1" x14ac:dyDescent="0.25">
      <c r="A5" s="182" t="s">
        <v>235</v>
      </c>
      <c r="B5" s="182"/>
      <c r="C5" s="182"/>
      <c r="D5" s="182"/>
      <c r="E5" s="182"/>
      <c r="F5" s="124"/>
      <c r="G5" s="124"/>
      <c r="H5" s="124"/>
      <c r="I5" s="124"/>
      <c r="J5" s="151"/>
    </row>
    <row r="6" spans="1:211" s="112" customFormat="1" ht="15.75" customHeight="1" x14ac:dyDescent="0.2">
      <c r="A6" s="183" t="s">
        <v>255</v>
      </c>
      <c r="B6" s="183"/>
      <c r="C6" s="183"/>
      <c r="D6" s="183"/>
      <c r="E6" s="183"/>
      <c r="F6" s="124"/>
      <c r="G6" s="124"/>
      <c r="H6" s="124"/>
      <c r="I6" s="124"/>
      <c r="J6" s="151"/>
    </row>
    <row r="7" spans="1:211" s="63" customFormat="1" ht="17.25" thickBot="1" x14ac:dyDescent="0.35">
      <c r="A7" s="187" t="s">
        <v>187</v>
      </c>
      <c r="B7" s="187"/>
      <c r="C7" s="187"/>
      <c r="D7" s="187"/>
      <c r="E7" s="187"/>
      <c r="F7" s="64"/>
      <c r="G7" s="64"/>
      <c r="H7" s="64"/>
      <c r="I7" s="64"/>
      <c r="J7" s="64"/>
      <c r="K7" s="65"/>
      <c r="L7" s="65"/>
      <c r="M7" s="65"/>
      <c r="N7" s="65"/>
      <c r="O7" s="65"/>
      <c r="P7" s="65"/>
      <c r="Q7" s="65"/>
      <c r="R7" s="65"/>
      <c r="S7" s="65"/>
      <c r="T7" s="65"/>
      <c r="U7" s="65"/>
      <c r="V7" s="65"/>
      <c r="W7" s="65"/>
      <c r="X7" s="65"/>
      <c r="Y7" s="65"/>
      <c r="Z7" s="65"/>
      <c r="AA7" s="65"/>
      <c r="AB7" s="65"/>
      <c r="AC7" s="65"/>
      <c r="AD7" s="65"/>
      <c r="AE7" s="65"/>
      <c r="AF7" s="65"/>
      <c r="AG7" s="65"/>
      <c r="AH7" s="65"/>
      <c r="AI7" s="65"/>
      <c r="AJ7" s="65"/>
      <c r="AK7" s="65"/>
      <c r="AL7" s="65"/>
      <c r="AM7" s="65"/>
      <c r="AN7" s="65"/>
      <c r="AO7" s="65"/>
      <c r="AP7" s="65"/>
      <c r="AQ7" s="65"/>
      <c r="AR7" s="65"/>
      <c r="AS7" s="65"/>
      <c r="AT7" s="65"/>
      <c r="AU7" s="65"/>
      <c r="AV7" s="65"/>
      <c r="AW7" s="65"/>
      <c r="AX7" s="65"/>
      <c r="AY7" s="65"/>
      <c r="AZ7" s="65"/>
      <c r="BA7" s="65"/>
      <c r="BB7" s="65"/>
      <c r="BC7" s="65"/>
      <c r="BD7" s="65"/>
      <c r="BE7" s="65"/>
      <c r="BF7" s="65"/>
      <c r="BG7" s="65"/>
      <c r="BH7" s="65"/>
      <c r="BI7" s="65"/>
      <c r="BJ7" s="65"/>
      <c r="BK7" s="65"/>
      <c r="BL7" s="65"/>
      <c r="BM7" s="65"/>
      <c r="BN7" s="65"/>
      <c r="BO7" s="65"/>
      <c r="BP7" s="65"/>
      <c r="BQ7" s="65"/>
      <c r="BR7" s="65"/>
      <c r="BS7" s="65"/>
      <c r="BT7" s="65"/>
      <c r="BU7" s="65"/>
      <c r="BV7" s="65"/>
      <c r="BW7" s="65"/>
      <c r="BX7" s="65"/>
      <c r="BY7" s="65"/>
      <c r="BZ7" s="65"/>
      <c r="CA7" s="65"/>
      <c r="CB7" s="65"/>
      <c r="CC7" s="65"/>
      <c r="CD7" s="65"/>
      <c r="CE7" s="65"/>
      <c r="CF7" s="65"/>
      <c r="CG7" s="65"/>
      <c r="CH7" s="65"/>
      <c r="CI7" s="65"/>
      <c r="CJ7" s="65"/>
      <c r="CK7" s="65"/>
      <c r="CL7" s="65"/>
      <c r="CM7" s="65"/>
      <c r="CN7" s="65"/>
      <c r="CO7" s="65"/>
      <c r="CP7" s="65"/>
      <c r="CQ7" s="65"/>
      <c r="CR7" s="65"/>
      <c r="CS7" s="65"/>
      <c r="CT7" s="65"/>
      <c r="CU7" s="65"/>
      <c r="CV7" s="65"/>
      <c r="CW7" s="65"/>
      <c r="CX7" s="65"/>
      <c r="CY7" s="65"/>
      <c r="CZ7" s="65"/>
      <c r="DA7" s="65"/>
      <c r="DB7" s="65"/>
      <c r="DC7" s="65"/>
      <c r="DD7" s="65"/>
      <c r="DE7" s="65"/>
      <c r="DF7" s="65"/>
      <c r="DG7" s="65"/>
      <c r="DH7" s="65"/>
      <c r="DI7" s="65"/>
      <c r="DJ7" s="65"/>
      <c r="DK7" s="65"/>
      <c r="DL7" s="65"/>
      <c r="DM7" s="65"/>
      <c r="DN7" s="65"/>
      <c r="DO7" s="65"/>
      <c r="DP7" s="65"/>
      <c r="DQ7" s="65"/>
      <c r="DR7" s="65"/>
      <c r="DS7" s="65"/>
      <c r="DT7" s="65"/>
      <c r="DU7" s="65"/>
      <c r="DV7" s="65"/>
      <c r="DW7" s="65"/>
      <c r="DX7" s="65"/>
      <c r="DY7" s="65"/>
      <c r="DZ7" s="65"/>
      <c r="EA7" s="65"/>
      <c r="EB7" s="65"/>
      <c r="EC7" s="65"/>
      <c r="ED7" s="65"/>
      <c r="EE7" s="65"/>
      <c r="EF7" s="65"/>
      <c r="EG7" s="65"/>
      <c r="EH7" s="65"/>
      <c r="EI7" s="65"/>
      <c r="EJ7" s="65"/>
      <c r="EK7" s="65"/>
      <c r="EL7" s="65"/>
      <c r="EM7" s="65"/>
      <c r="EN7" s="65"/>
      <c r="EO7" s="65"/>
      <c r="EP7" s="65"/>
      <c r="EQ7" s="65"/>
      <c r="ER7" s="65"/>
      <c r="ES7" s="65"/>
      <c r="ET7" s="65"/>
      <c r="EU7" s="65"/>
      <c r="EV7" s="65"/>
      <c r="EW7" s="65"/>
      <c r="EX7" s="65"/>
      <c r="EY7" s="65"/>
      <c r="EZ7" s="65"/>
      <c r="FA7" s="65"/>
      <c r="FB7" s="65"/>
      <c r="FC7" s="65"/>
      <c r="FD7" s="65"/>
      <c r="FE7" s="65"/>
      <c r="FF7" s="65"/>
      <c r="FG7" s="65"/>
      <c r="FH7" s="65"/>
      <c r="FI7" s="65"/>
      <c r="FJ7" s="65"/>
      <c r="FK7" s="65"/>
      <c r="FL7" s="65"/>
      <c r="FM7" s="65"/>
      <c r="FN7" s="65"/>
      <c r="FO7" s="65"/>
      <c r="FP7" s="65"/>
      <c r="FQ7" s="65"/>
      <c r="FR7" s="65"/>
      <c r="FS7" s="65"/>
      <c r="FT7" s="65"/>
      <c r="FU7" s="65"/>
      <c r="FV7" s="65"/>
      <c r="FW7" s="65"/>
      <c r="FX7" s="65"/>
      <c r="FY7" s="65"/>
      <c r="FZ7" s="65"/>
      <c r="GA7" s="65"/>
      <c r="GB7" s="65"/>
      <c r="GC7" s="65"/>
      <c r="GD7" s="65"/>
      <c r="GE7" s="65"/>
      <c r="GF7" s="65"/>
      <c r="GG7" s="65"/>
      <c r="GH7" s="65"/>
      <c r="GI7" s="65"/>
      <c r="GJ7" s="65"/>
      <c r="GK7" s="65"/>
      <c r="GL7" s="65"/>
      <c r="GM7" s="65"/>
      <c r="GN7" s="65"/>
      <c r="GO7" s="65"/>
      <c r="GP7" s="65"/>
      <c r="GQ7" s="65"/>
      <c r="GR7" s="65"/>
      <c r="GS7" s="65"/>
      <c r="GT7" s="65"/>
      <c r="GU7" s="65"/>
      <c r="GV7" s="65"/>
      <c r="GW7" s="65"/>
      <c r="GX7" s="65"/>
      <c r="GY7" s="65"/>
      <c r="GZ7" s="65"/>
      <c r="HA7" s="65"/>
      <c r="HB7" s="65"/>
      <c r="HC7" s="65"/>
    </row>
    <row r="8" spans="1:211" s="61" customFormat="1" ht="33.75" thickBot="1" x14ac:dyDescent="0.35">
      <c r="A8" s="57" t="s">
        <v>0</v>
      </c>
      <c r="B8" s="123" t="s">
        <v>71</v>
      </c>
      <c r="C8" s="143" t="s">
        <v>3</v>
      </c>
      <c r="D8" s="123" t="s">
        <v>8</v>
      </c>
      <c r="E8" s="58" t="s">
        <v>86</v>
      </c>
    </row>
    <row r="9" spans="1:211" s="66" customFormat="1" ht="16.5" customHeight="1" x14ac:dyDescent="0.3">
      <c r="A9" s="59" t="s">
        <v>66</v>
      </c>
      <c r="B9" s="141"/>
      <c r="C9" s="142"/>
      <c r="D9" s="59" t="s">
        <v>80</v>
      </c>
      <c r="E9" s="59" t="s">
        <v>81</v>
      </c>
    </row>
    <row r="10" spans="1:211" s="66" customFormat="1" x14ac:dyDescent="0.3">
      <c r="A10" s="60" t="s">
        <v>16</v>
      </c>
      <c r="B10" s="60"/>
      <c r="C10" s="60"/>
      <c r="D10" s="60"/>
      <c r="E10" s="60"/>
    </row>
    <row r="11" spans="1:211" s="61" customFormat="1" x14ac:dyDescent="0.3">
      <c r="A11" s="56" t="s">
        <v>15</v>
      </c>
      <c r="B11" s="96">
        <v>51120443557</v>
      </c>
      <c r="C11" s="96">
        <v>170419079258</v>
      </c>
      <c r="D11" s="74">
        <f t="shared" ref="D11" si="0">+B11-C11</f>
        <v>-119298635701</v>
      </c>
      <c r="E11" s="95">
        <f t="shared" ref="E11" si="1">+C11/B11</f>
        <v>3.3336776326672592</v>
      </c>
    </row>
    <row r="12" spans="1:211" s="61" customFormat="1" x14ac:dyDescent="0.3">
      <c r="A12" s="56" t="s">
        <v>224</v>
      </c>
      <c r="B12" s="96">
        <v>264686675864</v>
      </c>
      <c r="C12" s="96">
        <v>50355633265</v>
      </c>
      <c r="D12" s="74">
        <f t="shared" ref="D12:D21" si="2">+B12-C12</f>
        <v>214331042599</v>
      </c>
      <c r="E12" s="95">
        <f t="shared" ref="E12:E20" si="3">+C12/B12</f>
        <v>0.19024619618886099</v>
      </c>
    </row>
    <row r="13" spans="1:211" s="61" customFormat="1" x14ac:dyDescent="0.3">
      <c r="A13" s="56" t="s">
        <v>225</v>
      </c>
      <c r="B13" s="96">
        <v>227006369048</v>
      </c>
      <c r="C13" s="96">
        <v>1361248879</v>
      </c>
      <c r="D13" s="74">
        <f t="shared" si="2"/>
        <v>225645120169</v>
      </c>
      <c r="E13" s="95">
        <f t="shared" si="3"/>
        <v>5.996522849595321E-3</v>
      </c>
    </row>
    <row r="14" spans="1:211" s="61" customFormat="1" x14ac:dyDescent="0.3">
      <c r="A14" s="56" t="s">
        <v>226</v>
      </c>
      <c r="B14" s="96">
        <v>1450578851</v>
      </c>
      <c r="C14" s="96">
        <v>64959417</v>
      </c>
      <c r="D14" s="74">
        <f t="shared" si="2"/>
        <v>1385619434</v>
      </c>
      <c r="E14" s="95">
        <f t="shared" si="3"/>
        <v>4.4781720728396306E-2</v>
      </c>
    </row>
    <row r="15" spans="1:211" s="61" customFormat="1" x14ac:dyDescent="0.3">
      <c r="A15" s="56" t="s">
        <v>185</v>
      </c>
      <c r="B15" s="96">
        <v>855325784</v>
      </c>
      <c r="C15" s="96">
        <v>307522516</v>
      </c>
      <c r="D15" s="74">
        <f t="shared" si="2"/>
        <v>547803268</v>
      </c>
      <c r="E15" s="95">
        <f t="shared" si="3"/>
        <v>0.35953846096144343</v>
      </c>
    </row>
    <row r="16" spans="1:211" s="61" customFormat="1" x14ac:dyDescent="0.3">
      <c r="A16" s="56" t="s">
        <v>186</v>
      </c>
      <c r="B16" s="96">
        <v>18000000000</v>
      </c>
      <c r="C16" s="96">
        <v>8767025710</v>
      </c>
      <c r="D16" s="74">
        <f t="shared" si="2"/>
        <v>9232974290</v>
      </c>
      <c r="E16" s="95">
        <f t="shared" si="3"/>
        <v>0.48705698388888891</v>
      </c>
    </row>
    <row r="17" spans="1:14" s="61" customFormat="1" x14ac:dyDescent="0.3">
      <c r="A17" s="56" t="s">
        <v>227</v>
      </c>
      <c r="B17" s="96">
        <v>156433784</v>
      </c>
      <c r="C17" s="96">
        <v>67096900</v>
      </c>
      <c r="D17" s="74">
        <f t="shared" si="2"/>
        <v>89336884</v>
      </c>
      <c r="E17" s="95">
        <f t="shared" si="3"/>
        <v>0.42891566184961682</v>
      </c>
    </row>
    <row r="18" spans="1:14" s="61" customFormat="1" x14ac:dyDescent="0.3">
      <c r="A18" s="56" t="s">
        <v>228</v>
      </c>
      <c r="B18" s="96">
        <v>10275875963</v>
      </c>
      <c r="C18" s="96">
        <v>4338008000</v>
      </c>
      <c r="D18" s="74">
        <f t="shared" si="2"/>
        <v>5937867963</v>
      </c>
      <c r="E18" s="95">
        <f t="shared" si="3"/>
        <v>0.42215457014270308</v>
      </c>
    </row>
    <row r="19" spans="1:14" s="61" customFormat="1" x14ac:dyDescent="0.3">
      <c r="A19" s="56" t="s">
        <v>229</v>
      </c>
      <c r="B19" s="96">
        <v>305623874</v>
      </c>
      <c r="C19" s="96">
        <v>322934084</v>
      </c>
      <c r="D19" s="74">
        <f t="shared" si="2"/>
        <v>-17310210</v>
      </c>
      <c r="E19" s="95">
        <f t="shared" si="3"/>
        <v>1.0566389325985706</v>
      </c>
    </row>
    <row r="20" spans="1:14" s="61" customFormat="1" x14ac:dyDescent="0.3">
      <c r="A20" s="56" t="s">
        <v>230</v>
      </c>
      <c r="B20" s="96">
        <v>629211379</v>
      </c>
      <c r="C20" s="96">
        <v>425268971</v>
      </c>
      <c r="D20" s="74">
        <f t="shared" si="2"/>
        <v>203942408</v>
      </c>
      <c r="E20" s="95">
        <f t="shared" si="3"/>
        <v>0.6758761605295126</v>
      </c>
    </row>
    <row r="21" spans="1:14" s="61" customFormat="1" ht="22.5" hidden="1" customHeight="1" x14ac:dyDescent="0.3">
      <c r="A21" s="56" t="s">
        <v>233</v>
      </c>
      <c r="B21" s="96">
        <v>0</v>
      </c>
      <c r="C21" s="96">
        <v>0</v>
      </c>
      <c r="D21" s="74">
        <f t="shared" si="2"/>
        <v>0</v>
      </c>
      <c r="E21" s="95">
        <v>0</v>
      </c>
    </row>
    <row r="22" spans="1:14" s="61" customFormat="1" x14ac:dyDescent="0.3">
      <c r="A22" s="144" t="s">
        <v>119</v>
      </c>
      <c r="B22" s="75">
        <f>SUM(B11:B21)</f>
        <v>574486538104</v>
      </c>
      <c r="C22" s="75">
        <f>SUM(C11:C21)</f>
        <v>236428777000</v>
      </c>
      <c r="D22" s="75">
        <f>SUM(D11:D21)</f>
        <v>338057761104</v>
      </c>
      <c r="E22" s="106">
        <f>+C22/B22</f>
        <v>0.41154798471047727</v>
      </c>
    </row>
    <row r="23" spans="1:14" s="61" customFormat="1" x14ac:dyDescent="0.3">
      <c r="A23" s="56" t="s">
        <v>231</v>
      </c>
      <c r="B23" s="96">
        <v>30000000000</v>
      </c>
      <c r="C23" s="96">
        <v>164679790828</v>
      </c>
      <c r="D23" s="74">
        <f t="shared" ref="D23" si="4">+B23-C23</f>
        <v>-134679790828</v>
      </c>
      <c r="E23" s="95">
        <f t="shared" ref="E23" si="5">+C23/B23</f>
        <v>5.4893263609333331</v>
      </c>
    </row>
    <row r="24" spans="1:14" s="61" customFormat="1" ht="23.1" customHeight="1" x14ac:dyDescent="0.3">
      <c r="A24" s="140" t="s">
        <v>4</v>
      </c>
      <c r="B24" s="71">
        <f>B22+B23</f>
        <v>604486538104</v>
      </c>
      <c r="C24" s="71">
        <f>C22+C23</f>
        <v>401108567828</v>
      </c>
      <c r="D24" s="70">
        <f>D22+D23</f>
        <v>203377970276</v>
      </c>
      <c r="E24" s="26">
        <f>+C24/B24</f>
        <v>0.66355252357826788</v>
      </c>
    </row>
    <row r="25" spans="1:14" customFormat="1" ht="15" customHeight="1" x14ac:dyDescent="0.2">
      <c r="A25" s="209" t="s">
        <v>246</v>
      </c>
      <c r="B25" s="209"/>
      <c r="C25" s="209"/>
      <c r="D25" s="209"/>
      <c r="E25" s="209"/>
      <c r="F25" s="209"/>
      <c r="G25" s="209"/>
      <c r="H25" s="175"/>
      <c r="M25" s="162" t="s">
        <v>234</v>
      </c>
      <c r="N25" s="163"/>
    </row>
    <row r="26" spans="1:14" customFormat="1" ht="15" customHeight="1" x14ac:dyDescent="0.2">
      <c r="A26" s="209" t="s">
        <v>256</v>
      </c>
      <c r="B26" s="209"/>
      <c r="C26" s="209"/>
      <c r="D26" s="209"/>
      <c r="E26" s="209"/>
      <c r="F26" s="209"/>
      <c r="G26" s="209"/>
      <c r="H26" s="175"/>
      <c r="M26" s="162" t="s">
        <v>234</v>
      </c>
      <c r="N26" s="163"/>
    </row>
    <row r="27" spans="1:14" s="67" customFormat="1" ht="15.95" customHeight="1" x14ac:dyDescent="0.3">
      <c r="A27" s="188" t="s">
        <v>87</v>
      </c>
      <c r="B27" s="188"/>
      <c r="C27" s="188"/>
      <c r="D27" s="188"/>
      <c r="E27" s="64"/>
    </row>
    <row r="28" spans="1:14" s="67" customFormat="1" ht="33" x14ac:dyDescent="0.2">
      <c r="A28" s="99" t="s">
        <v>63</v>
      </c>
      <c r="B28" s="99" t="s">
        <v>1</v>
      </c>
      <c r="C28" s="99" t="s">
        <v>64</v>
      </c>
      <c r="D28" s="99" t="s">
        <v>120</v>
      </c>
      <c r="E28" s="99" t="s">
        <v>65</v>
      </c>
      <c r="F28" s="99" t="s">
        <v>7</v>
      </c>
    </row>
    <row r="29" spans="1:14" s="67" customFormat="1" ht="15.95" customHeight="1" x14ac:dyDescent="0.3">
      <c r="A29" s="100" t="s">
        <v>66</v>
      </c>
      <c r="B29" s="100" t="s">
        <v>67</v>
      </c>
      <c r="C29" s="100" t="s">
        <v>68</v>
      </c>
      <c r="D29" s="100" t="s">
        <v>69</v>
      </c>
      <c r="E29" s="100" t="s">
        <v>72</v>
      </c>
      <c r="F29" s="100" t="s">
        <v>82</v>
      </c>
    </row>
    <row r="30" spans="1:14" s="67" customFormat="1" ht="15.95" customHeight="1" x14ac:dyDescent="0.3">
      <c r="A30" s="103" t="s">
        <v>218</v>
      </c>
      <c r="B30" s="104">
        <v>44590816564</v>
      </c>
      <c r="C30" s="104">
        <v>28097970949</v>
      </c>
      <c r="D30" s="174">
        <v>44398208871</v>
      </c>
      <c r="E30" s="105">
        <f>+D30-C30</f>
        <v>16300237922</v>
      </c>
      <c r="F30" s="173">
        <f>+E30/C30</f>
        <v>0.58012153089581442</v>
      </c>
      <c r="G30" s="149"/>
      <c r="H30" s="146"/>
    </row>
    <row r="31" spans="1:14" s="122" customFormat="1" ht="15.95" customHeight="1" x14ac:dyDescent="0.3">
      <c r="A31" s="121" t="s">
        <v>247</v>
      </c>
      <c r="B31" s="104">
        <v>55346796120</v>
      </c>
      <c r="C31" s="104">
        <v>34671077316</v>
      </c>
      <c r="D31" s="174">
        <v>46467847793</v>
      </c>
      <c r="E31" s="105">
        <f t="shared" ref="E31:E41" si="6">+D31-C31</f>
        <v>11796770477</v>
      </c>
      <c r="F31" s="173">
        <f t="shared" ref="F31:F41" si="7">+E31/C31</f>
        <v>0.3402481662015166</v>
      </c>
      <c r="G31" s="149"/>
      <c r="H31" s="155"/>
    </row>
    <row r="32" spans="1:14" s="67" customFormat="1" ht="15.95" customHeight="1" x14ac:dyDescent="0.3">
      <c r="A32" s="103" t="s">
        <v>250</v>
      </c>
      <c r="B32" s="104">
        <v>57274199108</v>
      </c>
      <c r="C32" s="104">
        <v>40424185613</v>
      </c>
      <c r="D32" s="174">
        <v>52274480125</v>
      </c>
      <c r="E32" s="105">
        <f t="shared" si="6"/>
        <v>11850294512</v>
      </c>
      <c r="F32" s="173">
        <f t="shared" si="7"/>
        <v>0.29314862704838429</v>
      </c>
      <c r="G32" s="149"/>
    </row>
    <row r="33" spans="1:8" s="67" customFormat="1" ht="15.95" customHeight="1" x14ac:dyDescent="0.3">
      <c r="A33" s="121" t="s">
        <v>35</v>
      </c>
      <c r="B33" s="104">
        <v>82266689315</v>
      </c>
      <c r="C33" s="104">
        <v>46177292950</v>
      </c>
      <c r="D33" s="174">
        <v>44841657100</v>
      </c>
      <c r="E33" s="105">
        <f>+D33-C33</f>
        <v>-1335635850</v>
      </c>
      <c r="F33" s="173">
        <f t="shared" si="7"/>
        <v>-2.8924082913353195E-2</v>
      </c>
      <c r="G33" s="149"/>
    </row>
    <row r="34" spans="1:8" s="67" customFormat="1" ht="15.95" customHeight="1" x14ac:dyDescent="0.3">
      <c r="A34" s="103" t="s">
        <v>240</v>
      </c>
      <c r="B34" s="104">
        <v>69413031592</v>
      </c>
      <c r="C34" s="104">
        <v>51930400283</v>
      </c>
      <c r="D34" s="174">
        <v>46289680329</v>
      </c>
      <c r="E34" s="105">
        <f t="shared" si="6"/>
        <v>-5640719954</v>
      </c>
      <c r="F34" s="173">
        <f t="shared" si="7"/>
        <v>-0.10862076785967993</v>
      </c>
      <c r="G34" s="149"/>
    </row>
    <row r="35" spans="1:8" s="67" customFormat="1" ht="15.95" customHeight="1" x14ac:dyDescent="0.3">
      <c r="A35" s="121" t="s">
        <v>36</v>
      </c>
      <c r="B35" s="104">
        <v>52128553065</v>
      </c>
      <c r="C35" s="104">
        <v>57583507614</v>
      </c>
      <c r="D35" s="172">
        <v>0</v>
      </c>
      <c r="E35" s="105">
        <f t="shared" si="6"/>
        <v>-57583507614</v>
      </c>
      <c r="F35" s="173">
        <f t="shared" si="7"/>
        <v>-1</v>
      </c>
      <c r="G35" s="149"/>
      <c r="H35" s="149"/>
    </row>
    <row r="36" spans="1:8" s="67" customFormat="1" ht="15.95" customHeight="1" x14ac:dyDescent="0.3">
      <c r="A36" s="103" t="s">
        <v>37</v>
      </c>
      <c r="B36" s="104">
        <v>47295721599</v>
      </c>
      <c r="C36" s="104">
        <v>57583507612</v>
      </c>
      <c r="D36" s="172">
        <v>0</v>
      </c>
      <c r="E36" s="105">
        <f t="shared" si="6"/>
        <v>-57583507612</v>
      </c>
      <c r="F36" s="173">
        <f t="shared" si="7"/>
        <v>-1</v>
      </c>
      <c r="G36" s="149"/>
    </row>
    <row r="37" spans="1:8" s="67" customFormat="1" ht="15.95" customHeight="1" x14ac:dyDescent="0.3">
      <c r="A37" s="121" t="s">
        <v>38</v>
      </c>
      <c r="B37" s="104">
        <v>40411490968</v>
      </c>
      <c r="C37" s="104">
        <v>40524185619</v>
      </c>
      <c r="D37" s="172">
        <v>0</v>
      </c>
      <c r="E37" s="105">
        <f t="shared" si="6"/>
        <v>-40524185619</v>
      </c>
      <c r="F37" s="173">
        <f t="shared" si="7"/>
        <v>-1</v>
      </c>
      <c r="G37" s="149"/>
    </row>
    <row r="38" spans="1:8" s="67" customFormat="1" ht="15.95" customHeight="1" x14ac:dyDescent="0.3">
      <c r="A38" s="103" t="s">
        <v>239</v>
      </c>
      <c r="B38" s="104">
        <v>38705168936</v>
      </c>
      <c r="C38" s="104">
        <v>36678077215</v>
      </c>
      <c r="D38" s="172">
        <v>0</v>
      </c>
      <c r="E38" s="105">
        <f t="shared" si="6"/>
        <v>-36678077215</v>
      </c>
      <c r="F38" s="173">
        <f t="shared" si="7"/>
        <v>-1</v>
      </c>
      <c r="G38" s="149" t="s">
        <v>234</v>
      </c>
    </row>
    <row r="39" spans="1:8" s="67" customFormat="1" ht="15.95" customHeight="1" x14ac:dyDescent="0.3">
      <c r="A39" s="121" t="s">
        <v>39</v>
      </c>
      <c r="B39" s="104">
        <v>36923478605</v>
      </c>
      <c r="C39" s="104">
        <v>49831056317</v>
      </c>
      <c r="D39" s="172">
        <v>0</v>
      </c>
      <c r="E39" s="105">
        <f t="shared" si="6"/>
        <v>-49831056317</v>
      </c>
      <c r="F39" s="173">
        <f t="shared" si="7"/>
        <v>-1</v>
      </c>
      <c r="G39" s="149"/>
    </row>
    <row r="40" spans="1:8" s="67" customFormat="1" ht="15.95" customHeight="1" x14ac:dyDescent="0.3">
      <c r="A40" s="103" t="s">
        <v>40</v>
      </c>
      <c r="B40" s="104">
        <v>28867047442</v>
      </c>
      <c r="C40" s="104">
        <v>63336614947</v>
      </c>
      <c r="D40" s="172">
        <v>0</v>
      </c>
      <c r="E40" s="105">
        <f t="shared" si="6"/>
        <v>-63336614947</v>
      </c>
      <c r="F40" s="173">
        <f t="shared" si="7"/>
        <v>-1</v>
      </c>
      <c r="G40" s="149"/>
    </row>
    <row r="41" spans="1:8" s="67" customFormat="1" ht="15.95" customHeight="1" x14ac:dyDescent="0.3">
      <c r="A41" s="121" t="s">
        <v>41</v>
      </c>
      <c r="B41" s="104">
        <v>51263544790</v>
      </c>
      <c r="C41" s="104">
        <v>69089722376</v>
      </c>
      <c r="D41" s="172">
        <v>0</v>
      </c>
      <c r="E41" s="105">
        <f t="shared" si="6"/>
        <v>-69089722376</v>
      </c>
      <c r="F41" s="173">
        <f t="shared" si="7"/>
        <v>-1</v>
      </c>
      <c r="G41" s="149"/>
    </row>
    <row r="42" spans="1:8" s="68" customFormat="1" ht="17.25" customHeight="1" x14ac:dyDescent="0.3">
      <c r="A42" s="100" t="s">
        <v>9</v>
      </c>
      <c r="B42" s="101">
        <f>SUM(B30:B41)</f>
        <v>604486538104</v>
      </c>
      <c r="C42" s="101">
        <f>SUM(C30:C41)</f>
        <v>575927598811</v>
      </c>
      <c r="D42" s="101">
        <f>SUM(D30:D41)</f>
        <v>234271874218</v>
      </c>
      <c r="E42" s="102">
        <f>SUM(E30:E41)</f>
        <v>-341655724593</v>
      </c>
      <c r="F42" s="145">
        <f>+E42/C42</f>
        <v>-0.59322686618656018</v>
      </c>
      <c r="G42" s="149">
        <f>234271874218-D42</f>
        <v>0</v>
      </c>
    </row>
    <row r="43" spans="1:8" s="68" customFormat="1" ht="21.75" customHeight="1" x14ac:dyDescent="0.2">
      <c r="A43" s="148" t="s">
        <v>253</v>
      </c>
      <c r="B43" s="147"/>
      <c r="C43" s="147"/>
      <c r="D43" s="147"/>
      <c r="E43" s="147"/>
      <c r="F43" s="160"/>
    </row>
    <row r="44" spans="1:8" ht="48" customHeight="1" x14ac:dyDescent="0.3">
      <c r="A44" s="189" t="s">
        <v>254</v>
      </c>
      <c r="B44" s="190"/>
      <c r="C44" s="190"/>
      <c r="D44" s="190"/>
      <c r="E44" s="190"/>
      <c r="F44" s="191"/>
    </row>
    <row r="45" spans="1:8" x14ac:dyDescent="0.3">
      <c r="A45" s="184" t="s">
        <v>252</v>
      </c>
      <c r="B45" s="185"/>
      <c r="C45" s="185"/>
      <c r="D45" s="185"/>
      <c r="E45" s="185"/>
      <c r="F45" s="186"/>
    </row>
  </sheetData>
  <mergeCells count="8">
    <mergeCell ref="A5:E5"/>
    <mergeCell ref="A6:E6"/>
    <mergeCell ref="A45:F45"/>
    <mergeCell ref="A7:E7"/>
    <mergeCell ref="A27:D27"/>
    <mergeCell ref="A25:G25"/>
    <mergeCell ref="A44:F44"/>
    <mergeCell ref="A26:G26"/>
  </mergeCells>
  <conditionalFormatting sqref="A16">
    <cfRule type="cellIs" dxfId="48" priority="67" stopIfTrue="1" operator="lessThan">
      <formula>0</formula>
    </cfRule>
  </conditionalFormatting>
  <conditionalFormatting sqref="B11:C21">
    <cfRule type="cellIs" dxfId="47" priority="3" stopIfTrue="1" operator="lessThan">
      <formula>0</formula>
    </cfRule>
  </conditionalFormatting>
  <conditionalFormatting sqref="B23:C23">
    <cfRule type="cellIs" dxfId="46" priority="2" stopIfTrue="1" operator="lessThan">
      <formula>0</formula>
    </cfRule>
  </conditionalFormatting>
  <conditionalFormatting sqref="D11:D21">
    <cfRule type="cellIs" dxfId="45" priority="28" stopIfTrue="1" operator="lessThan">
      <formula>0</formula>
    </cfRule>
  </conditionalFormatting>
  <conditionalFormatting sqref="D11:D24">
    <cfRule type="cellIs" dxfId="44" priority="22" stopIfTrue="1" operator="lessThan">
      <formula>0</formula>
    </cfRule>
  </conditionalFormatting>
  <conditionalFormatting sqref="D23">
    <cfRule type="cellIs" dxfId="43" priority="24" stopIfTrue="1" operator="lessThan">
      <formula>0</formula>
    </cfRule>
  </conditionalFormatting>
  <conditionalFormatting sqref="E1:G3 E4 F4:G6">
    <cfRule type="cellIs" dxfId="42" priority="33" operator="lessThan">
      <formula>0</formula>
    </cfRule>
  </conditionalFormatting>
  <conditionalFormatting sqref="F30:F41">
    <cfRule type="cellIs" dxfId="41" priority="7" stopIfTrue="1" operator="lessThan">
      <formula>0</formula>
    </cfRule>
    <cfRule type="cellIs" dxfId="40" priority="9" stopIfTrue="1" operator="greaterThan">
      <formula>1</formula>
    </cfRule>
  </conditionalFormatting>
  <conditionalFormatting sqref="I25:XFD25">
    <cfRule type="cellIs" dxfId="38" priority="10" stopIfTrue="1" operator="lessThan">
      <formula>0</formula>
    </cfRule>
  </conditionalFormatting>
  <conditionalFormatting sqref="J1:J6">
    <cfRule type="cellIs" dxfId="36" priority="29" operator="greaterThan">
      <formula>0.2</formula>
    </cfRule>
    <cfRule type="cellIs" dxfId="35" priority="31" operator="greaterThan">
      <formula>0.1</formula>
    </cfRule>
    <cfRule type="cellIs" dxfId="34" priority="32" operator="greaterThan">
      <formula>0.1</formula>
    </cfRule>
  </conditionalFormatting>
  <conditionalFormatting sqref="I26:XFD26 A25:A26">
    <cfRule type="cellIs" dxfId="10" priority="1" stopIfTrue="1" operator="lessThan">
      <formula>0</formula>
    </cfRule>
  </conditionalFormatting>
  <printOptions horizontalCentered="1"/>
  <pageMargins left="0" right="0.59055118110236227" top="0.19685039370078741" bottom="0.15748031496062992" header="0.19685039370078741" footer="0.19685039370078741"/>
  <pageSetup paperSize="9" scale="70" fitToHeight="0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3" tint="0.39997558519241921"/>
    <pageSetUpPr fitToPage="1"/>
  </sheetPr>
  <dimension ref="A1:T65529"/>
  <sheetViews>
    <sheetView view="pageBreakPreview" topLeftCell="A14" zoomScale="85" zoomScaleNormal="85" zoomScaleSheetLayoutView="85" workbookViewId="0">
      <selection activeCell="C13" sqref="C13"/>
    </sheetView>
  </sheetViews>
  <sheetFormatPr baseColWidth="10" defaultRowHeight="12.75" x14ac:dyDescent="0.2"/>
  <cols>
    <col min="1" max="1" width="37.7109375" bestFit="1" customWidth="1"/>
    <col min="2" max="2" width="23.140625" bestFit="1" customWidth="1"/>
    <col min="3" max="3" width="19.7109375" bestFit="1" customWidth="1"/>
    <col min="4" max="4" width="24.5703125" customWidth="1"/>
    <col min="5" max="5" width="8.5703125" customWidth="1"/>
    <col min="14" max="14" width="37.7109375" bestFit="1" customWidth="1"/>
    <col min="15" max="15" width="20.42578125" customWidth="1"/>
    <col min="16" max="16" width="17.140625" customWidth="1"/>
  </cols>
  <sheetData>
    <row r="1" spans="1:16" s="124" customFormat="1" ht="16.5" customHeight="1" x14ac:dyDescent="0.2">
      <c r="J1" s="150"/>
    </row>
    <row r="2" spans="1:16" s="124" customFormat="1" ht="17.25" customHeight="1" x14ac:dyDescent="0.2">
      <c r="J2" s="150"/>
    </row>
    <row r="3" spans="1:16" s="124" customFormat="1" ht="18" customHeight="1" x14ac:dyDescent="0.2">
      <c r="J3" s="150"/>
    </row>
    <row r="4" spans="1:16" s="124" customFormat="1" ht="13.5" customHeight="1" x14ac:dyDescent="0.2">
      <c r="A4" s="125" t="s">
        <v>70</v>
      </c>
      <c r="B4" s="126"/>
      <c r="C4" s="126"/>
      <c r="D4" s="126"/>
      <c r="E4" s="126"/>
      <c r="F4" s="126"/>
      <c r="G4" s="126"/>
      <c r="H4" s="126"/>
      <c r="I4" s="126"/>
      <c r="J4" s="171"/>
      <c r="K4" s="126"/>
      <c r="L4" s="126"/>
    </row>
    <row r="5" spans="1:16" s="112" customFormat="1" ht="16.5" customHeight="1" x14ac:dyDescent="0.25">
      <c r="A5" s="192" t="s">
        <v>235</v>
      </c>
      <c r="B5" s="192"/>
      <c r="C5" s="192"/>
      <c r="D5" s="192"/>
      <c r="E5" s="192"/>
      <c r="F5" s="192"/>
      <c r="G5" s="192"/>
      <c r="H5" s="192"/>
      <c r="I5" s="192"/>
      <c r="J5" s="192"/>
      <c r="K5" s="192"/>
      <c r="L5" s="192"/>
    </row>
    <row r="6" spans="1:16" s="112" customFormat="1" ht="15.75" customHeight="1" thickBot="1" x14ac:dyDescent="0.25">
      <c r="A6" s="183" t="s">
        <v>255</v>
      </c>
      <c r="B6" s="183"/>
      <c r="C6" s="183"/>
      <c r="D6" s="183"/>
      <c r="E6" s="183"/>
      <c r="F6" s="183"/>
      <c r="G6" s="183"/>
      <c r="H6" s="183"/>
      <c r="I6" s="183"/>
      <c r="J6" s="183"/>
      <c r="K6" s="183"/>
      <c r="L6" s="183"/>
    </row>
    <row r="7" spans="1:16" s="13" customFormat="1" ht="18" customHeight="1" thickBot="1" x14ac:dyDescent="0.35">
      <c r="A7" s="194" t="s">
        <v>237</v>
      </c>
      <c r="B7" s="194"/>
      <c r="C7" s="194"/>
      <c r="D7" s="194"/>
      <c r="E7" s="194"/>
      <c r="F7" s="194"/>
      <c r="G7" s="194"/>
      <c r="H7" s="194"/>
      <c r="I7" s="194"/>
      <c r="J7" s="194"/>
      <c r="K7" s="194"/>
      <c r="L7" s="194"/>
      <c r="N7" s="19"/>
    </row>
    <row r="8" spans="1:16" s="13" customFormat="1" ht="21.75" customHeight="1" thickBot="1" x14ac:dyDescent="0.35">
      <c r="A8" s="193" t="s">
        <v>83</v>
      </c>
      <c r="B8" s="193"/>
      <c r="C8" s="193"/>
      <c r="D8" s="193"/>
      <c r="E8" s="193"/>
      <c r="F8" s="193"/>
      <c r="G8" s="193"/>
      <c r="H8" s="193"/>
      <c r="I8" s="193"/>
      <c r="J8" s="193"/>
      <c r="K8" s="193"/>
      <c r="L8" s="193"/>
      <c r="N8" s="45" t="s">
        <v>0</v>
      </c>
      <c r="O8" s="45" t="s">
        <v>8</v>
      </c>
      <c r="P8" s="45" t="s">
        <v>2</v>
      </c>
    </row>
    <row r="9" spans="1:16" s="3" customFormat="1" ht="34.5" customHeight="1" thickBot="1" x14ac:dyDescent="0.35">
      <c r="A9" s="27" t="s">
        <v>0</v>
      </c>
      <c r="B9" s="29" t="s">
        <v>1</v>
      </c>
      <c r="C9" s="29" t="s">
        <v>2</v>
      </c>
      <c r="D9" s="29" t="s">
        <v>8</v>
      </c>
      <c r="E9" s="28" t="s">
        <v>7</v>
      </c>
      <c r="F9" s="1"/>
      <c r="G9"/>
      <c r="H9"/>
      <c r="I9"/>
      <c r="J9"/>
      <c r="K9"/>
      <c r="L9"/>
      <c r="M9" s="44"/>
      <c r="N9" s="47" t="s">
        <v>97</v>
      </c>
      <c r="O9" s="72">
        <f>D11/B11</f>
        <v>0.65943700184957821</v>
      </c>
      <c r="P9" s="73">
        <f>C11/B11</f>
        <v>0.34056299815042179</v>
      </c>
    </row>
    <row r="10" spans="1:16" s="5" customFormat="1" ht="21" customHeight="1" x14ac:dyDescent="0.3">
      <c r="A10" s="30" t="s">
        <v>84</v>
      </c>
      <c r="B10" s="31"/>
      <c r="C10" s="31"/>
      <c r="D10" s="31"/>
      <c r="E10" s="31"/>
      <c r="F10" s="3"/>
      <c r="G10" s="3"/>
      <c r="H10" s="3"/>
      <c r="I10" s="3"/>
      <c r="J10" s="3"/>
      <c r="K10" s="3"/>
      <c r="L10" s="3"/>
      <c r="M10" s="8"/>
      <c r="N10" s="47" t="s">
        <v>98</v>
      </c>
      <c r="O10" s="72">
        <f>D12/B12</f>
        <v>0.64130006295100239</v>
      </c>
      <c r="P10" s="73">
        <f>C12/B12</f>
        <v>0.35869993704899755</v>
      </c>
    </row>
    <row r="11" spans="1:16" s="5" customFormat="1" ht="21" customHeight="1" x14ac:dyDescent="0.3">
      <c r="A11" s="91" t="s">
        <v>100</v>
      </c>
      <c r="B11" s="97">
        <v>756092054514</v>
      </c>
      <c r="C11" s="97">
        <v>257496976963</v>
      </c>
      <c r="D11" s="92">
        <f>B11-C11</f>
        <v>498595077551</v>
      </c>
      <c r="E11" s="93">
        <f>C11/B11</f>
        <v>0.34056299815042179</v>
      </c>
      <c r="F11" s="4"/>
      <c r="G11" s="8"/>
      <c r="M11" s="33"/>
      <c r="N11" s="47" t="s">
        <v>99</v>
      </c>
      <c r="O11" s="72">
        <f>D13/B13</f>
        <v>0.18493121361908682</v>
      </c>
      <c r="P11" s="73">
        <f>C13/B13</f>
        <v>0.81506878638091318</v>
      </c>
    </row>
    <row r="12" spans="1:16" s="5" customFormat="1" ht="21" customHeight="1" thickBot="1" x14ac:dyDescent="0.3">
      <c r="A12" s="91" t="s">
        <v>101</v>
      </c>
      <c r="B12" s="97">
        <v>1159520210708</v>
      </c>
      <c r="C12" s="97">
        <v>415919826588</v>
      </c>
      <c r="D12" s="92">
        <f>B12-C12</f>
        <v>743600384120</v>
      </c>
      <c r="E12" s="93">
        <f>C12/B12</f>
        <v>0.35869993704899755</v>
      </c>
      <c r="F12" s="6"/>
      <c r="G12" s="8"/>
      <c r="M12" s="8"/>
      <c r="N12" s="46" t="s">
        <v>9</v>
      </c>
      <c r="O12" s="50">
        <f>O9+O10+O11</f>
        <v>1.4856682784196675</v>
      </c>
      <c r="P12" s="50">
        <f>P9+P10+P11</f>
        <v>1.5143317215803325</v>
      </c>
    </row>
    <row r="13" spans="1:16" s="5" customFormat="1" ht="21" customHeight="1" x14ac:dyDescent="0.25">
      <c r="A13" s="91" t="s">
        <v>102</v>
      </c>
      <c r="B13" s="97">
        <v>1040255121</v>
      </c>
      <c r="C13" s="97">
        <v>847879479</v>
      </c>
      <c r="D13" s="92">
        <f>B13-C13</f>
        <v>192375642</v>
      </c>
      <c r="E13" s="93">
        <f>C13/B13</f>
        <v>0.81506878638091318</v>
      </c>
      <c r="G13" s="8"/>
      <c r="M13" s="8"/>
      <c r="N13" s="13"/>
      <c r="O13" s="13"/>
      <c r="P13" s="13"/>
    </row>
    <row r="14" spans="1:16" s="13" customFormat="1" ht="16.5" customHeight="1" x14ac:dyDescent="0.25">
      <c r="A14" s="55" t="s">
        <v>9</v>
      </c>
      <c r="B14" s="32">
        <f>SUM(B11:B13)</f>
        <v>1916652520343</v>
      </c>
      <c r="C14" s="35">
        <f>SUM(C11:C13)</f>
        <v>674264683030</v>
      </c>
      <c r="D14" s="24">
        <f>SUM(D11:D13)</f>
        <v>1242387837313</v>
      </c>
      <c r="E14" s="94">
        <f>+C14/B14</f>
        <v>0.35179286588125791</v>
      </c>
      <c r="F14" s="5"/>
      <c r="G14" s="8"/>
      <c r="H14" s="5"/>
      <c r="I14" s="5"/>
      <c r="J14" s="5"/>
      <c r="K14" s="5"/>
      <c r="L14" s="5"/>
      <c r="N14" s="21"/>
      <c r="O14" s="20"/>
      <c r="P14" s="20"/>
    </row>
    <row r="15" spans="1:16" s="20" customFormat="1" ht="15.75" customHeight="1" thickBot="1" x14ac:dyDescent="0.3">
      <c r="A15" s="21"/>
      <c r="B15" s="21"/>
      <c r="C15" s="34"/>
      <c r="D15" s="21"/>
      <c r="E15" s="21"/>
      <c r="F15" s="22"/>
      <c r="G15" s="21"/>
      <c r="H15" s="23"/>
      <c r="I15" s="21"/>
      <c r="J15" s="21"/>
      <c r="K15" s="21"/>
      <c r="L15" s="21"/>
      <c r="M15" s="21"/>
      <c r="N15" s="3"/>
      <c r="O15" s="3"/>
      <c r="P15" s="3"/>
    </row>
    <row r="16" spans="1:16" s="3" customFormat="1" ht="27" thickBot="1" x14ac:dyDescent="0.45">
      <c r="A16" s="195"/>
      <c r="B16" s="195"/>
      <c r="C16" s="195"/>
      <c r="D16" s="195"/>
      <c r="E16" s="195"/>
      <c r="F16" s="195"/>
      <c r="G16" s="195"/>
      <c r="H16" s="195"/>
      <c r="I16" s="195"/>
      <c r="J16" s="195"/>
      <c r="K16" s="195"/>
      <c r="L16" s="195"/>
      <c r="N16" s="45" t="s">
        <v>0</v>
      </c>
      <c r="O16" s="45" t="s">
        <v>2</v>
      </c>
      <c r="P16" s="45" t="s">
        <v>7</v>
      </c>
    </row>
    <row r="17" spans="1:20" s="13" customFormat="1" ht="23.25" customHeight="1" thickBot="1" x14ac:dyDescent="0.35">
      <c r="A17" s="193" t="s">
        <v>85</v>
      </c>
      <c r="B17" s="193"/>
      <c r="C17" s="193"/>
      <c r="D17" s="193"/>
      <c r="E17" s="193"/>
      <c r="F17" s="193"/>
      <c r="G17" s="193"/>
      <c r="H17" s="193"/>
      <c r="I17" s="193"/>
      <c r="J17" s="193"/>
      <c r="K17" s="193"/>
      <c r="L17" s="193"/>
      <c r="M17" s="18"/>
      <c r="N17" s="47" t="s">
        <v>96</v>
      </c>
      <c r="O17" s="49">
        <f>C18</f>
        <v>479507091824</v>
      </c>
      <c r="P17" s="51">
        <f>O17/$O$20</f>
        <v>0.71115558013390023</v>
      </c>
    </row>
    <row r="18" spans="1:20" s="17" customFormat="1" ht="20.25" customHeight="1" x14ac:dyDescent="0.3">
      <c r="A18" s="135" t="s">
        <v>96</v>
      </c>
      <c r="B18" s="97">
        <v>1312165982239</v>
      </c>
      <c r="C18" s="97">
        <v>479507091824</v>
      </c>
      <c r="D18" s="92">
        <f>B18-C18</f>
        <v>832658890415</v>
      </c>
      <c r="E18" s="93">
        <f>C18/B18</f>
        <v>0.3654317352487666</v>
      </c>
      <c r="F18" s="15"/>
      <c r="G18" s="16"/>
      <c r="M18" s="16"/>
      <c r="N18" s="47" t="s">
        <v>160</v>
      </c>
      <c r="O18" s="49">
        <f>C19</f>
        <v>0</v>
      </c>
      <c r="P18" s="51">
        <f>O18/$O$20</f>
        <v>0</v>
      </c>
    </row>
    <row r="19" spans="1:20" s="17" customFormat="1" ht="20.25" customHeight="1" x14ac:dyDescent="0.3">
      <c r="A19" s="135" t="s">
        <v>159</v>
      </c>
      <c r="B19" s="97">
        <v>0</v>
      </c>
      <c r="C19" s="97">
        <v>0</v>
      </c>
      <c r="D19" s="97">
        <f>B19-C19</f>
        <v>0</v>
      </c>
      <c r="E19" s="130" t="s">
        <v>248</v>
      </c>
      <c r="F19" s="15"/>
      <c r="G19" s="16"/>
      <c r="M19" s="16"/>
      <c r="N19" s="47" t="s">
        <v>45</v>
      </c>
      <c r="O19" s="49">
        <f>C20</f>
        <v>194757591206</v>
      </c>
      <c r="P19" s="51">
        <f>O19/$O$20</f>
        <v>0.28884441986609977</v>
      </c>
    </row>
    <row r="20" spans="1:20" s="5" customFormat="1" ht="20.25" customHeight="1" x14ac:dyDescent="0.25">
      <c r="A20" s="135" t="s">
        <v>45</v>
      </c>
      <c r="B20" s="97">
        <v>604486538104</v>
      </c>
      <c r="C20" s="97">
        <v>194757591206</v>
      </c>
      <c r="D20" s="97">
        <f>B20-C20</f>
        <v>409728946898</v>
      </c>
      <c r="E20" s="130">
        <f>C20/B20</f>
        <v>0.32218681298820351</v>
      </c>
      <c r="F20" s="17"/>
      <c r="G20" s="16"/>
      <c r="H20" s="17"/>
      <c r="I20" s="17"/>
      <c r="J20" s="17"/>
      <c r="K20" s="17"/>
      <c r="L20" s="17"/>
      <c r="M20" s="8"/>
      <c r="N20" s="52" t="s">
        <v>9</v>
      </c>
      <c r="O20" s="53">
        <f>SUM(O17:O19)</f>
        <v>674264683030</v>
      </c>
      <c r="P20" s="51">
        <f>O20/$O$20</f>
        <v>1</v>
      </c>
    </row>
    <row r="21" spans="1:20" s="14" customFormat="1" ht="15" customHeight="1" thickBot="1" x14ac:dyDescent="0.3">
      <c r="A21" s="132" t="s">
        <v>9</v>
      </c>
      <c r="B21" s="136">
        <f>SUM(B18:B20)</f>
        <v>1916652520343</v>
      </c>
      <c r="C21" s="136">
        <f>SUM(C18:C20)</f>
        <v>674264683030</v>
      </c>
      <c r="D21" s="136">
        <f>SUM(D18:D20)</f>
        <v>1242387837313</v>
      </c>
      <c r="E21" s="134">
        <f>C21/B21</f>
        <v>0.35179286588125791</v>
      </c>
      <c r="F21" s="5"/>
      <c r="G21" s="8"/>
      <c r="H21" s="5"/>
      <c r="I21" s="5"/>
      <c r="J21" s="5"/>
      <c r="K21" s="5"/>
      <c r="L21" s="5"/>
      <c r="N21" s="21"/>
      <c r="O21" s="20"/>
      <c r="P21" s="20"/>
    </row>
    <row r="22" spans="1:20" s="41" customFormat="1" ht="18.75" customHeight="1" thickBot="1" x14ac:dyDescent="0.35">
      <c r="A22" s="36"/>
      <c r="B22" s="37"/>
      <c r="C22" s="37"/>
      <c r="D22" s="37"/>
      <c r="E22" s="38"/>
      <c r="F22" s="39"/>
      <c r="G22" s="40"/>
      <c r="H22" s="39"/>
      <c r="I22" s="39"/>
      <c r="J22" s="39"/>
      <c r="K22" s="39"/>
      <c r="L22" s="39"/>
      <c r="N22" s="45" t="s">
        <v>0</v>
      </c>
      <c r="O22" s="45" t="s">
        <v>2</v>
      </c>
      <c r="P22" s="45" t="s">
        <v>2</v>
      </c>
      <c r="Q22" s="45" t="s">
        <v>8</v>
      </c>
      <c r="R22" s="81" t="s">
        <v>103</v>
      </c>
      <c r="S22" s="80" t="s">
        <v>44</v>
      </c>
    </row>
    <row r="23" spans="1:20" s="13" customFormat="1" ht="23.25" customHeight="1" thickBot="1" x14ac:dyDescent="0.35">
      <c r="A23" s="193" t="s">
        <v>161</v>
      </c>
      <c r="B23" s="193"/>
      <c r="C23" s="193"/>
      <c r="D23" s="193"/>
      <c r="E23" s="193"/>
      <c r="F23" s="193"/>
      <c r="G23" s="193"/>
      <c r="H23" s="193"/>
      <c r="I23" s="193"/>
      <c r="J23" s="193"/>
      <c r="K23" s="193"/>
      <c r="L23" s="193"/>
      <c r="N23" s="54" t="s">
        <v>89</v>
      </c>
      <c r="O23" s="48">
        <f t="shared" ref="O23:Q29" si="0">B24/1000000</f>
        <v>1354869.4486390001</v>
      </c>
      <c r="P23" s="48">
        <f t="shared" si="0"/>
        <v>491434.902986</v>
      </c>
      <c r="Q23" s="76">
        <f t="shared" si="0"/>
        <v>863434.54565300001</v>
      </c>
      <c r="R23" s="82">
        <f t="shared" ref="R23:R30" si="1">P23/O23</f>
        <v>0.36271753229040521</v>
      </c>
      <c r="S23" s="78">
        <f t="shared" ref="S23:S30" si="2">Q23/O23</f>
        <v>0.63728246770959474</v>
      </c>
    </row>
    <row r="24" spans="1:20" s="7" customFormat="1" ht="21" customHeight="1" x14ac:dyDescent="0.3">
      <c r="A24" s="131" t="s">
        <v>10</v>
      </c>
      <c r="B24" s="97">
        <v>1354869448639</v>
      </c>
      <c r="C24" s="97">
        <v>491434902986</v>
      </c>
      <c r="D24" s="92">
        <f>B24-C24</f>
        <v>863434545653</v>
      </c>
      <c r="E24" s="130">
        <f t="shared" ref="E24:E31" si="3">C24/B24</f>
        <v>0.36271753229040521</v>
      </c>
      <c r="N24" s="54" t="s">
        <v>90</v>
      </c>
      <c r="O24" s="48">
        <f>B25/1000000</f>
        <v>333271.00220599998</v>
      </c>
      <c r="P24" s="48">
        <f t="shared" si="0"/>
        <v>122835.258789</v>
      </c>
      <c r="Q24" s="76">
        <f t="shared" si="0"/>
        <v>210435.74341699999</v>
      </c>
      <c r="R24" s="82">
        <f t="shared" si="1"/>
        <v>0.36857469739618576</v>
      </c>
      <c r="S24" s="78">
        <f t="shared" si="2"/>
        <v>0.63142530260381424</v>
      </c>
      <c r="T24" s="9"/>
    </row>
    <row r="25" spans="1:20" s="7" customFormat="1" ht="21" customHeight="1" x14ac:dyDescent="0.3">
      <c r="A25" s="131" t="s">
        <v>11</v>
      </c>
      <c r="B25" s="97">
        <v>333271002206</v>
      </c>
      <c r="C25" s="97">
        <v>122835258789</v>
      </c>
      <c r="D25" s="92">
        <f t="shared" ref="D25:D30" si="4">B25-C25</f>
        <v>210435743417</v>
      </c>
      <c r="E25" s="130">
        <f t="shared" ref="E25:E30" si="5">C25/B25</f>
        <v>0.36857469739618576</v>
      </c>
      <c r="M25" s="9"/>
      <c r="N25" s="54" t="s">
        <v>91</v>
      </c>
      <c r="O25" s="48">
        <f t="shared" si="0"/>
        <v>18866.522722000002</v>
      </c>
      <c r="P25" s="48">
        <f t="shared" si="0"/>
        <v>4214.2157310000002</v>
      </c>
      <c r="Q25" s="76">
        <f t="shared" si="0"/>
        <v>14652.306990999999</v>
      </c>
      <c r="R25" s="82">
        <f t="shared" si="1"/>
        <v>0.22337002918327176</v>
      </c>
      <c r="S25" s="78">
        <f t="shared" si="2"/>
        <v>0.77662997081672813</v>
      </c>
      <c r="T25" s="9"/>
    </row>
    <row r="26" spans="1:20" s="7" customFormat="1" ht="21" customHeight="1" x14ac:dyDescent="0.3">
      <c r="A26" s="131" t="s">
        <v>79</v>
      </c>
      <c r="B26" s="97">
        <v>18866522722</v>
      </c>
      <c r="C26" s="97">
        <v>4214215731</v>
      </c>
      <c r="D26" s="92">
        <f t="shared" si="4"/>
        <v>14652306991</v>
      </c>
      <c r="E26" s="130">
        <f t="shared" si="5"/>
        <v>0.22337002918327178</v>
      </c>
      <c r="M26" s="9"/>
      <c r="N26" s="54" t="s">
        <v>92</v>
      </c>
      <c r="O26" s="48">
        <f t="shared" si="0"/>
        <v>180730.17703200001</v>
      </c>
      <c r="P26" s="48">
        <f t="shared" si="0"/>
        <v>42898.483883000001</v>
      </c>
      <c r="Q26" s="76">
        <f t="shared" si="0"/>
        <v>137831.693149</v>
      </c>
      <c r="R26" s="82">
        <f t="shared" si="1"/>
        <v>0.23736204206453254</v>
      </c>
      <c r="S26" s="78">
        <f t="shared" si="2"/>
        <v>0.7626379579354674</v>
      </c>
      <c r="T26" s="9"/>
    </row>
    <row r="27" spans="1:20" s="7" customFormat="1" ht="21" customHeight="1" x14ac:dyDescent="0.3">
      <c r="A27" s="131" t="s">
        <v>12</v>
      </c>
      <c r="B27" s="97">
        <v>180730177032</v>
      </c>
      <c r="C27" s="97">
        <v>42898483883</v>
      </c>
      <c r="D27" s="92">
        <f t="shared" si="4"/>
        <v>137831693149</v>
      </c>
      <c r="E27" s="130">
        <f t="shared" si="5"/>
        <v>0.23736204206453257</v>
      </c>
      <c r="M27" s="9"/>
      <c r="N27" s="54" t="s">
        <v>93</v>
      </c>
      <c r="O27" s="48">
        <f t="shared" si="0"/>
        <v>1040.2551209999999</v>
      </c>
      <c r="P27" s="48">
        <f t="shared" si="0"/>
        <v>847.87947899999995</v>
      </c>
      <c r="Q27" s="76">
        <f t="shared" si="0"/>
        <v>192.375642</v>
      </c>
      <c r="R27" s="82">
        <f t="shared" si="1"/>
        <v>0.81506878638091318</v>
      </c>
      <c r="S27" s="78">
        <f t="shared" si="2"/>
        <v>0.18493121361908682</v>
      </c>
      <c r="T27" s="9"/>
    </row>
    <row r="28" spans="1:20" s="7" customFormat="1" ht="21" customHeight="1" x14ac:dyDescent="0.3">
      <c r="A28" s="131" t="s">
        <v>88</v>
      </c>
      <c r="B28" s="97">
        <v>1040255121</v>
      </c>
      <c r="C28" s="97">
        <v>847879479</v>
      </c>
      <c r="D28" s="92">
        <f t="shared" si="4"/>
        <v>192375642</v>
      </c>
      <c r="E28" s="130">
        <f t="shared" si="5"/>
        <v>0.81506878638091318</v>
      </c>
      <c r="M28" s="9"/>
      <c r="N28" s="54" t="s">
        <v>94</v>
      </c>
      <c r="O28" s="48">
        <f t="shared" si="0"/>
        <v>21469.1</v>
      </c>
      <c r="P28" s="48">
        <f t="shared" si="0"/>
        <v>9350.0821020000003</v>
      </c>
      <c r="Q28" s="76">
        <f t="shared" si="0"/>
        <v>12119.017898</v>
      </c>
      <c r="R28" s="82">
        <f t="shared" si="1"/>
        <v>0.43551346362912285</v>
      </c>
      <c r="S28" s="78">
        <f t="shared" si="2"/>
        <v>0.5644865363708772</v>
      </c>
      <c r="T28" s="9"/>
    </row>
    <row r="29" spans="1:20" s="7" customFormat="1" ht="21" customHeight="1" x14ac:dyDescent="0.3">
      <c r="A29" s="131" t="s">
        <v>13</v>
      </c>
      <c r="B29" s="97">
        <v>21469100000</v>
      </c>
      <c r="C29" s="97">
        <v>9350082102</v>
      </c>
      <c r="D29" s="92">
        <f t="shared" si="4"/>
        <v>12119017898</v>
      </c>
      <c r="E29" s="130">
        <f t="shared" si="5"/>
        <v>0.4355134636291228</v>
      </c>
      <c r="M29" s="9"/>
      <c r="N29" s="54" t="s">
        <v>95</v>
      </c>
      <c r="O29" s="48">
        <f t="shared" si="0"/>
        <v>6406.014623</v>
      </c>
      <c r="P29" s="48">
        <f t="shared" si="0"/>
        <v>2683.86006</v>
      </c>
      <c r="Q29" s="76">
        <f t="shared" si="0"/>
        <v>3722.1545630000001</v>
      </c>
      <c r="R29" s="82">
        <f t="shared" si="1"/>
        <v>0.41895940267821646</v>
      </c>
      <c r="S29" s="78">
        <f t="shared" si="2"/>
        <v>0.58104059732178359</v>
      </c>
      <c r="T29" s="9"/>
    </row>
    <row r="30" spans="1:20" s="5" customFormat="1" ht="22.5" customHeight="1" x14ac:dyDescent="0.25">
      <c r="A30" s="131" t="s">
        <v>14</v>
      </c>
      <c r="B30" s="97">
        <v>6406014623</v>
      </c>
      <c r="C30" s="97">
        <v>2683860060</v>
      </c>
      <c r="D30" s="92">
        <f t="shared" si="4"/>
        <v>3722154563</v>
      </c>
      <c r="E30" s="130">
        <f t="shared" si="5"/>
        <v>0.41895940267821646</v>
      </c>
      <c r="F30" s="7"/>
      <c r="G30" s="7"/>
      <c r="H30" s="7"/>
      <c r="I30" s="7"/>
      <c r="J30" s="7"/>
      <c r="K30" s="7"/>
      <c r="L30" s="7"/>
      <c r="M30" s="8"/>
      <c r="N30" s="55" t="s">
        <v>9</v>
      </c>
      <c r="O30" s="53">
        <f>SUM(O23:O29)</f>
        <v>1916652.5203430003</v>
      </c>
      <c r="P30" s="53">
        <f>SUM(P23:P29)</f>
        <v>674264.68302999996</v>
      </c>
      <c r="Q30" s="77">
        <f>SUM(Q23:Q29)</f>
        <v>1242387.8373129999</v>
      </c>
      <c r="R30" s="83">
        <f t="shared" si="1"/>
        <v>0.35179286588125785</v>
      </c>
      <c r="S30" s="79">
        <f t="shared" si="2"/>
        <v>0.64820713411874187</v>
      </c>
      <c r="T30" s="9"/>
    </row>
    <row r="31" spans="1:20" s="13" customFormat="1" ht="19.5" customHeight="1" x14ac:dyDescent="0.25">
      <c r="A31" s="132" t="s">
        <v>9</v>
      </c>
      <c r="B31" s="133">
        <f>SUM(B24:B30)</f>
        <v>1916652520343</v>
      </c>
      <c r="C31" s="133">
        <f>SUM(C24:C30)</f>
        <v>674264683030</v>
      </c>
      <c r="D31" s="133">
        <f>SUM(D24:D30)</f>
        <v>1242387837313</v>
      </c>
      <c r="E31" s="134">
        <f t="shared" si="3"/>
        <v>0.35179286588125791</v>
      </c>
      <c r="F31" s="5"/>
      <c r="G31" s="8"/>
      <c r="H31" s="5"/>
      <c r="I31" s="5"/>
      <c r="J31" s="5"/>
      <c r="K31" s="5"/>
      <c r="L31" s="5"/>
      <c r="P31" s="20"/>
    </row>
    <row r="32" spans="1:20" s="20" customFormat="1" ht="12.75" customHeight="1" x14ac:dyDescent="0.2">
      <c r="A32" s="21"/>
      <c r="B32" s="21"/>
      <c r="C32" s="21"/>
      <c r="D32" s="21"/>
      <c r="E32" s="21"/>
      <c r="F32" s="22"/>
      <c r="G32" s="21"/>
      <c r="H32" s="23"/>
      <c r="I32" s="21"/>
      <c r="J32" s="21"/>
      <c r="K32" s="21"/>
      <c r="L32" s="21"/>
      <c r="M32" s="21"/>
      <c r="N32" s="21"/>
      <c r="P32"/>
    </row>
    <row r="34" spans="2:4" x14ac:dyDescent="0.2">
      <c r="C34" s="25"/>
    </row>
    <row r="35" spans="2:4" x14ac:dyDescent="0.2">
      <c r="B35" s="25">
        <f>+B14-B21</f>
        <v>0</v>
      </c>
      <c r="C35" s="25">
        <f>+C14-C21</f>
        <v>0</v>
      </c>
      <c r="D35" s="25">
        <f>+D14-D21</f>
        <v>0</v>
      </c>
    </row>
    <row r="36" spans="2:4" x14ac:dyDescent="0.2">
      <c r="B36" s="25">
        <f>+B14-B31</f>
        <v>0</v>
      </c>
      <c r="C36" s="25">
        <f>+C14-C31</f>
        <v>0</v>
      </c>
      <c r="D36" s="25">
        <f>+D14-D31</f>
        <v>0</v>
      </c>
    </row>
    <row r="65529" spans="18:18" x14ac:dyDescent="0.2">
      <c r="R65529" s="13"/>
    </row>
  </sheetData>
  <mergeCells count="10">
    <mergeCell ref="A5:L5"/>
    <mergeCell ref="A6:L6"/>
    <mergeCell ref="A23:E23"/>
    <mergeCell ref="F23:L23"/>
    <mergeCell ref="A7:L7"/>
    <mergeCell ref="A8:E8"/>
    <mergeCell ref="F8:L8"/>
    <mergeCell ref="A16:L16"/>
    <mergeCell ref="A17:E17"/>
    <mergeCell ref="F17:L17"/>
  </mergeCells>
  <conditionalFormatting sqref="E1:G4">
    <cfRule type="cellIs" dxfId="33" priority="5" operator="lessThan">
      <formula>0</formula>
    </cfRule>
  </conditionalFormatting>
  <conditionalFormatting sqref="J1:J4">
    <cfRule type="cellIs" dxfId="32" priority="1" operator="greaterThan">
      <formula>0.2</formula>
    </cfRule>
    <cfRule type="cellIs" dxfId="31" priority="3" operator="greaterThan">
      <formula>0.1</formula>
    </cfRule>
    <cfRule type="cellIs" dxfId="30" priority="4" operator="greaterThan">
      <formula>0.1</formula>
    </cfRule>
  </conditionalFormatting>
  <pageMargins left="0.55118110236220474" right="0.70866141732283472" top="0.74803149606299213" bottom="0.74803149606299213" header="0.31496062992125984" footer="0.31496062992125984"/>
  <pageSetup paperSize="9" scale="70" fitToHeight="0" orientation="landscape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3" tint="0.39997558519241921"/>
  </sheetPr>
  <dimension ref="A1:J44"/>
  <sheetViews>
    <sheetView view="pageBreakPreview" zoomScaleNormal="100" zoomScaleSheetLayoutView="100" workbookViewId="0">
      <selection activeCell="A6" sqref="A6:E6"/>
    </sheetView>
  </sheetViews>
  <sheetFormatPr baseColWidth="10" defaultRowHeight="12.75" x14ac:dyDescent="0.2"/>
  <cols>
    <col min="1" max="1" width="41.42578125" customWidth="1"/>
    <col min="2" max="2" width="21.85546875" customWidth="1"/>
    <col min="3" max="3" width="22.28515625" bestFit="1" customWidth="1"/>
    <col min="4" max="4" width="21.85546875" customWidth="1"/>
    <col min="5" max="5" width="11.140625" customWidth="1"/>
    <col min="6" max="6" width="5.5703125" customWidth="1"/>
    <col min="7" max="7" width="13.7109375" bestFit="1" customWidth="1"/>
  </cols>
  <sheetData>
    <row r="1" spans="1:10" s="124" customFormat="1" x14ac:dyDescent="0.2">
      <c r="J1" s="150"/>
    </row>
    <row r="2" spans="1:10" s="124" customFormat="1" x14ac:dyDescent="0.2">
      <c r="J2" s="150"/>
    </row>
    <row r="3" spans="1:10" s="124" customFormat="1" ht="18" customHeight="1" x14ac:dyDescent="0.2">
      <c r="J3" s="150"/>
    </row>
    <row r="4" spans="1:10" s="124" customFormat="1" ht="13.5" customHeight="1" x14ac:dyDescent="0.2">
      <c r="A4" s="125" t="s">
        <v>70</v>
      </c>
      <c r="B4" s="126"/>
      <c r="C4" s="126"/>
      <c r="D4" s="126"/>
      <c r="E4" s="126"/>
      <c r="J4" s="150"/>
    </row>
    <row r="5" spans="1:10" s="112" customFormat="1" ht="16.5" customHeight="1" x14ac:dyDescent="0.25">
      <c r="A5" s="182" t="s">
        <v>235</v>
      </c>
      <c r="B5" s="182"/>
      <c r="C5" s="182"/>
      <c r="D5" s="182"/>
      <c r="E5" s="182"/>
      <c r="F5" s="124"/>
      <c r="G5" s="124"/>
      <c r="H5" s="124"/>
      <c r="I5" s="124"/>
      <c r="J5" s="151"/>
    </row>
    <row r="6" spans="1:10" s="112" customFormat="1" ht="15.75" customHeight="1" x14ac:dyDescent="0.2">
      <c r="A6" s="183" t="s">
        <v>255</v>
      </c>
      <c r="B6" s="183"/>
      <c r="C6" s="183"/>
      <c r="D6" s="183"/>
      <c r="E6" s="183"/>
      <c r="F6" s="124"/>
      <c r="G6" s="124"/>
      <c r="H6" s="124"/>
      <c r="I6" s="124"/>
      <c r="J6" s="151"/>
    </row>
    <row r="7" spans="1:10" s="127" customFormat="1" ht="13.5" customHeight="1" x14ac:dyDescent="0.2">
      <c r="A7" s="196" t="s">
        <v>236</v>
      </c>
      <c r="B7" s="196"/>
      <c r="C7" s="196"/>
      <c r="D7" s="196"/>
      <c r="E7" s="196"/>
      <c r="F7" s="124"/>
      <c r="G7" s="124"/>
      <c r="H7" s="124"/>
      <c r="J7" s="152"/>
    </row>
    <row r="8" spans="1:10" ht="36.75" customHeight="1" x14ac:dyDescent="0.2">
      <c r="A8" s="117" t="s">
        <v>5</v>
      </c>
      <c r="B8" s="88" t="s">
        <v>1</v>
      </c>
      <c r="C8" s="88" t="s">
        <v>2</v>
      </c>
      <c r="D8" s="88" t="s">
        <v>43</v>
      </c>
      <c r="E8" s="88" t="s">
        <v>6</v>
      </c>
      <c r="F8" s="124"/>
      <c r="G8" s="124"/>
      <c r="H8" s="124"/>
    </row>
    <row r="9" spans="1:10" ht="16.5" x14ac:dyDescent="0.3">
      <c r="A9" s="84" t="s">
        <v>104</v>
      </c>
      <c r="B9" s="85">
        <f>SUM(B10:B17)</f>
        <v>759284779974</v>
      </c>
      <c r="C9" s="85">
        <f>SUM(C10:C17)</f>
        <v>257496976963</v>
      </c>
      <c r="D9" s="85">
        <f>SUM(D10:D17)</f>
        <v>501787803011</v>
      </c>
      <c r="E9" s="118">
        <f t="shared" ref="E9:E40" si="0">+C9/B9</f>
        <v>0.33913096081264449</v>
      </c>
    </row>
    <row r="10" spans="1:10" ht="16.5" x14ac:dyDescent="0.3">
      <c r="A10" s="87" t="s">
        <v>105</v>
      </c>
      <c r="B10" s="97">
        <v>304139153327</v>
      </c>
      <c r="C10" s="98">
        <v>129309215028</v>
      </c>
      <c r="D10" s="98">
        <f t="shared" ref="D10" si="1">B10-C10</f>
        <v>174829938299</v>
      </c>
      <c r="E10" s="119">
        <f t="shared" si="0"/>
        <v>0.42516464458284053</v>
      </c>
    </row>
    <row r="11" spans="1:10" ht="16.5" x14ac:dyDescent="0.3">
      <c r="A11" s="87" t="s">
        <v>106</v>
      </c>
      <c r="B11" s="97">
        <v>133810230388</v>
      </c>
      <c r="C11" s="98">
        <v>48044336931</v>
      </c>
      <c r="D11" s="98">
        <f t="shared" ref="D11:D17" si="2">B11-C11</f>
        <v>85765893457</v>
      </c>
      <c r="E11" s="119">
        <f t="shared" ref="E11:E17" si="3">+C11/B11</f>
        <v>0.35904830887510808</v>
      </c>
    </row>
    <row r="12" spans="1:10" ht="16.5" x14ac:dyDescent="0.3">
      <c r="A12" s="87" t="s">
        <v>107</v>
      </c>
      <c r="B12" s="97">
        <v>61164410620</v>
      </c>
      <c r="C12" s="98">
        <v>24762637282</v>
      </c>
      <c r="D12" s="98">
        <f t="shared" si="2"/>
        <v>36401773338</v>
      </c>
      <c r="E12" s="119">
        <f t="shared" si="3"/>
        <v>0.40485368911415498</v>
      </c>
    </row>
    <row r="13" spans="1:10" ht="16.5" x14ac:dyDescent="0.3">
      <c r="A13" s="87" t="s">
        <v>108</v>
      </c>
      <c r="B13" s="97">
        <v>50115173101</v>
      </c>
      <c r="C13" s="98">
        <v>17428054077</v>
      </c>
      <c r="D13" s="98">
        <f t="shared" si="2"/>
        <v>32687119024</v>
      </c>
      <c r="E13" s="119">
        <f t="shared" si="3"/>
        <v>0.34776002951992679</v>
      </c>
    </row>
    <row r="14" spans="1:10" ht="16.5" x14ac:dyDescent="0.3">
      <c r="A14" s="87" t="s">
        <v>241</v>
      </c>
      <c r="B14" s="97">
        <v>14572806380</v>
      </c>
      <c r="C14" s="98">
        <v>5868225751</v>
      </c>
      <c r="D14" s="98">
        <f t="shared" si="2"/>
        <v>8704580629</v>
      </c>
      <c r="E14" s="119">
        <f t="shared" si="3"/>
        <v>0.40268329915188239</v>
      </c>
    </row>
    <row r="15" spans="1:10" ht="16.5" x14ac:dyDescent="0.3">
      <c r="A15" s="87" t="s">
        <v>242</v>
      </c>
      <c r="B15" s="97">
        <v>43673025715</v>
      </c>
      <c r="C15" s="98">
        <v>12495273384</v>
      </c>
      <c r="D15" s="98">
        <f t="shared" si="2"/>
        <v>31177752331</v>
      </c>
      <c r="E15" s="119">
        <f t="shared" si="3"/>
        <v>0.28610963356514946</v>
      </c>
    </row>
    <row r="16" spans="1:10" ht="16.5" x14ac:dyDescent="0.3">
      <c r="A16" s="87" t="s">
        <v>243</v>
      </c>
      <c r="B16" s="97">
        <v>31486989097</v>
      </c>
      <c r="C16" s="98">
        <v>6746655033</v>
      </c>
      <c r="D16" s="98">
        <f t="shared" si="2"/>
        <v>24740334064</v>
      </c>
      <c r="E16" s="119">
        <f t="shared" si="3"/>
        <v>0.21426802709576331</v>
      </c>
    </row>
    <row r="17" spans="1:5" ht="16.5" x14ac:dyDescent="0.3">
      <c r="A17" s="87" t="s">
        <v>109</v>
      </c>
      <c r="B17" s="97">
        <v>120322991346</v>
      </c>
      <c r="C17" s="98">
        <v>12842579477</v>
      </c>
      <c r="D17" s="98">
        <f t="shared" si="2"/>
        <v>107480411869</v>
      </c>
      <c r="E17" s="119">
        <f t="shared" si="3"/>
        <v>0.10673421042259466</v>
      </c>
    </row>
    <row r="18" spans="1:5" ht="16.5" x14ac:dyDescent="0.3">
      <c r="A18" s="84" t="s">
        <v>110</v>
      </c>
      <c r="B18" s="85">
        <f>SUM(B19:B37)</f>
        <v>1156327485248</v>
      </c>
      <c r="C18" s="85">
        <f>SUM(C19:C37)</f>
        <v>415919826588</v>
      </c>
      <c r="D18" s="85">
        <f>SUM(D19:D37)</f>
        <v>740407658660</v>
      </c>
      <c r="E18" s="118">
        <f t="shared" si="0"/>
        <v>0.35969034023159691</v>
      </c>
    </row>
    <row r="19" spans="1:5" ht="16.5" x14ac:dyDescent="0.3">
      <c r="A19" s="87" t="s">
        <v>111</v>
      </c>
      <c r="B19" s="98">
        <v>85389185455</v>
      </c>
      <c r="C19" s="98">
        <v>30342238349</v>
      </c>
      <c r="D19" s="98">
        <f t="shared" ref="D19:D37" si="4">B19-C19</f>
        <v>55046947106</v>
      </c>
      <c r="E19" s="119">
        <f t="shared" ref="E19:E37" si="5">+C19/B19</f>
        <v>0.35534052921713749</v>
      </c>
    </row>
    <row r="20" spans="1:5" ht="16.5" x14ac:dyDescent="0.3">
      <c r="A20" s="87" t="s">
        <v>17</v>
      </c>
      <c r="B20" s="98">
        <v>153352202180</v>
      </c>
      <c r="C20" s="98">
        <v>55770892517</v>
      </c>
      <c r="D20" s="98">
        <f t="shared" si="4"/>
        <v>97581309663</v>
      </c>
      <c r="E20" s="119">
        <f t="shared" si="5"/>
        <v>0.36367845863431342</v>
      </c>
    </row>
    <row r="21" spans="1:5" ht="16.5" x14ac:dyDescent="0.3">
      <c r="A21" s="87" t="s">
        <v>18</v>
      </c>
      <c r="B21" s="98">
        <v>52407239280</v>
      </c>
      <c r="C21" s="98">
        <v>19121695112</v>
      </c>
      <c r="D21" s="98">
        <f t="shared" si="4"/>
        <v>33285544168</v>
      </c>
      <c r="E21" s="119">
        <f t="shared" si="5"/>
        <v>0.36486743768045321</v>
      </c>
    </row>
    <row r="22" spans="1:5" ht="16.5" x14ac:dyDescent="0.3">
      <c r="A22" s="87" t="s">
        <v>19</v>
      </c>
      <c r="B22" s="98">
        <v>53646684325</v>
      </c>
      <c r="C22" s="98">
        <v>18475906354</v>
      </c>
      <c r="D22" s="98">
        <f t="shared" si="4"/>
        <v>35170777971</v>
      </c>
      <c r="E22" s="119">
        <f t="shared" si="5"/>
        <v>0.34439978139319982</v>
      </c>
    </row>
    <row r="23" spans="1:5" ht="16.5" x14ac:dyDescent="0.3">
      <c r="A23" s="87" t="s">
        <v>20</v>
      </c>
      <c r="B23" s="98">
        <v>40755911841</v>
      </c>
      <c r="C23" s="98">
        <v>14699643832</v>
      </c>
      <c r="D23" s="98">
        <f t="shared" si="4"/>
        <v>26056268009</v>
      </c>
      <c r="E23" s="119">
        <f t="shared" si="5"/>
        <v>0.36067513074783719</v>
      </c>
    </row>
    <row r="24" spans="1:5" ht="16.5" x14ac:dyDescent="0.3">
      <c r="A24" s="87" t="s">
        <v>21</v>
      </c>
      <c r="B24" s="98">
        <v>46337031962</v>
      </c>
      <c r="C24" s="98">
        <v>17142503656</v>
      </c>
      <c r="D24" s="98">
        <f t="shared" si="4"/>
        <v>29194528306</v>
      </c>
      <c r="E24" s="119">
        <f t="shared" si="5"/>
        <v>0.36995256127017795</v>
      </c>
    </row>
    <row r="25" spans="1:5" ht="16.5" x14ac:dyDescent="0.3">
      <c r="A25" s="87" t="s">
        <v>22</v>
      </c>
      <c r="B25" s="98">
        <v>62175768686</v>
      </c>
      <c r="C25" s="98">
        <v>23291088515</v>
      </c>
      <c r="D25" s="98">
        <f t="shared" si="4"/>
        <v>38884680171</v>
      </c>
      <c r="E25" s="119">
        <f t="shared" si="5"/>
        <v>0.3746007328453731</v>
      </c>
    </row>
    <row r="26" spans="1:5" ht="16.5" x14ac:dyDescent="0.3">
      <c r="A26" s="87" t="s">
        <v>23</v>
      </c>
      <c r="B26" s="98">
        <v>40545260331</v>
      </c>
      <c r="C26" s="98">
        <v>14752079613</v>
      </c>
      <c r="D26" s="98">
        <f t="shared" si="4"/>
        <v>25793180718</v>
      </c>
      <c r="E26" s="119">
        <f t="shared" si="5"/>
        <v>0.36384227139172887</v>
      </c>
    </row>
    <row r="27" spans="1:5" ht="16.5" x14ac:dyDescent="0.3">
      <c r="A27" s="87" t="s">
        <v>33</v>
      </c>
      <c r="B27" s="98">
        <v>71431154937</v>
      </c>
      <c r="C27" s="98">
        <v>25979745716</v>
      </c>
      <c r="D27" s="98">
        <f t="shared" si="4"/>
        <v>45451409221</v>
      </c>
      <c r="E27" s="119">
        <f t="shared" si="5"/>
        <v>0.36370328519696071</v>
      </c>
    </row>
    <row r="28" spans="1:5" ht="16.5" x14ac:dyDescent="0.3">
      <c r="A28" s="87" t="s">
        <v>24</v>
      </c>
      <c r="B28" s="98">
        <v>31371822800</v>
      </c>
      <c r="C28" s="98">
        <v>11279534414</v>
      </c>
      <c r="D28" s="98">
        <f t="shared" si="4"/>
        <v>20092288386</v>
      </c>
      <c r="E28" s="119">
        <f t="shared" si="5"/>
        <v>0.35954348224866295</v>
      </c>
    </row>
    <row r="29" spans="1:5" ht="16.5" x14ac:dyDescent="0.3">
      <c r="A29" s="87" t="s">
        <v>25</v>
      </c>
      <c r="B29" s="98">
        <v>41320266357</v>
      </c>
      <c r="C29" s="98">
        <v>14513249205</v>
      </c>
      <c r="D29" s="98">
        <f t="shared" si="4"/>
        <v>26807017152</v>
      </c>
      <c r="E29" s="119">
        <f t="shared" si="5"/>
        <v>0.35123803606704812</v>
      </c>
    </row>
    <row r="30" spans="1:5" ht="16.5" x14ac:dyDescent="0.3">
      <c r="A30" s="87" t="s">
        <v>26</v>
      </c>
      <c r="B30" s="98">
        <v>125287624560</v>
      </c>
      <c r="C30" s="98">
        <v>46377235469</v>
      </c>
      <c r="D30" s="98">
        <f t="shared" si="4"/>
        <v>78910389091</v>
      </c>
      <c r="E30" s="119">
        <f t="shared" si="5"/>
        <v>0.37016613278345006</v>
      </c>
    </row>
    <row r="31" spans="1:5" ht="16.5" x14ac:dyDescent="0.3">
      <c r="A31" s="87" t="s">
        <v>27</v>
      </c>
      <c r="B31" s="98">
        <v>164560443480</v>
      </c>
      <c r="C31" s="98">
        <v>58625708559</v>
      </c>
      <c r="D31" s="98">
        <f t="shared" si="4"/>
        <v>105934734921</v>
      </c>
      <c r="E31" s="119">
        <f t="shared" si="5"/>
        <v>0.35625638409345395</v>
      </c>
    </row>
    <row r="32" spans="1:5" ht="16.5" x14ac:dyDescent="0.3">
      <c r="A32" s="87" t="s">
        <v>28</v>
      </c>
      <c r="B32" s="98">
        <v>42622501339</v>
      </c>
      <c r="C32" s="98">
        <v>14961543796</v>
      </c>
      <c r="D32" s="98">
        <f t="shared" si="4"/>
        <v>27660957543</v>
      </c>
      <c r="E32" s="119">
        <f t="shared" si="5"/>
        <v>0.35102453694593572</v>
      </c>
    </row>
    <row r="33" spans="1:7" ht="16.5" x14ac:dyDescent="0.3">
      <c r="A33" s="87" t="s">
        <v>29</v>
      </c>
      <c r="B33" s="98">
        <v>37620382576</v>
      </c>
      <c r="C33" s="98">
        <v>14024840087</v>
      </c>
      <c r="D33" s="98">
        <f t="shared" si="4"/>
        <v>23595542489</v>
      </c>
      <c r="E33" s="119">
        <f t="shared" si="5"/>
        <v>0.3727989756262387</v>
      </c>
    </row>
    <row r="34" spans="1:7" ht="16.5" x14ac:dyDescent="0.3">
      <c r="A34" s="87" t="s">
        <v>30</v>
      </c>
      <c r="B34" s="98">
        <v>37096970499</v>
      </c>
      <c r="C34" s="98">
        <v>13495069603</v>
      </c>
      <c r="D34" s="98">
        <f t="shared" si="4"/>
        <v>23601900896</v>
      </c>
      <c r="E34" s="119">
        <f t="shared" si="5"/>
        <v>0.3637782121147542</v>
      </c>
    </row>
    <row r="35" spans="1:7" ht="16.5" x14ac:dyDescent="0.3">
      <c r="A35" s="87" t="s">
        <v>32</v>
      </c>
      <c r="B35" s="98">
        <v>27711063038</v>
      </c>
      <c r="C35" s="98">
        <v>9189382441</v>
      </c>
      <c r="D35" s="98">
        <f t="shared" si="4"/>
        <v>18521680597</v>
      </c>
      <c r="E35" s="119">
        <f t="shared" si="5"/>
        <v>0.33161421589632484</v>
      </c>
    </row>
    <row r="36" spans="1:7" ht="16.5" x14ac:dyDescent="0.3">
      <c r="A36" s="87" t="s">
        <v>112</v>
      </c>
      <c r="B36" s="98">
        <v>19376988992</v>
      </c>
      <c r="C36" s="98">
        <v>6013553156</v>
      </c>
      <c r="D36" s="98">
        <f t="shared" si="4"/>
        <v>13363435836</v>
      </c>
      <c r="E36" s="119">
        <f t="shared" si="5"/>
        <v>0.31034507778699572</v>
      </c>
    </row>
    <row r="37" spans="1:7" ht="16.5" x14ac:dyDescent="0.3">
      <c r="A37" s="87" t="s">
        <v>31</v>
      </c>
      <c r="B37" s="11">
        <v>23318982610</v>
      </c>
      <c r="C37" s="98">
        <v>7863916194</v>
      </c>
      <c r="D37" s="98">
        <f t="shared" si="4"/>
        <v>15455066416</v>
      </c>
      <c r="E37" s="119">
        <f t="shared" si="5"/>
        <v>0.33723238811575235</v>
      </c>
      <c r="G37" s="11"/>
    </row>
    <row r="38" spans="1:7" s="2" customFormat="1" ht="16.5" x14ac:dyDescent="0.3">
      <c r="A38" s="84" t="s">
        <v>113</v>
      </c>
      <c r="B38" s="85">
        <f>SUM(B39)</f>
        <v>1040255121</v>
      </c>
      <c r="C38" s="85">
        <f>SUM(C39)</f>
        <v>847879479</v>
      </c>
      <c r="D38" s="85">
        <f>SUM(D39)</f>
        <v>192375642</v>
      </c>
      <c r="E38" s="118">
        <f t="shared" si="0"/>
        <v>0.81506878638091318</v>
      </c>
      <c r="G38" s="181"/>
    </row>
    <row r="39" spans="1:7" ht="16.5" x14ac:dyDescent="0.3">
      <c r="A39" s="87" t="s">
        <v>114</v>
      </c>
      <c r="B39" s="98">
        <v>1040255121</v>
      </c>
      <c r="C39" s="98">
        <v>847879479</v>
      </c>
      <c r="D39" s="98">
        <f>B39-C39</f>
        <v>192375642</v>
      </c>
      <c r="E39" s="119">
        <f>+C39/B39</f>
        <v>0.81506878638091318</v>
      </c>
    </row>
    <row r="40" spans="1:7" ht="19.5" customHeight="1" x14ac:dyDescent="0.3">
      <c r="A40" s="89" t="s">
        <v>115</v>
      </c>
      <c r="B40" s="90">
        <f>SUM(B9,B18,B38)</f>
        <v>1916652520343</v>
      </c>
      <c r="C40" s="90">
        <f>SUM(C9,C18,C38)</f>
        <v>674264683030</v>
      </c>
      <c r="D40" s="90">
        <f>SUM(D9,D18,D38)</f>
        <v>1242387837313</v>
      </c>
      <c r="E40" s="120">
        <f t="shared" si="0"/>
        <v>0.35179286588125791</v>
      </c>
    </row>
    <row r="41" spans="1:7" x14ac:dyDescent="0.2">
      <c r="C41" s="86"/>
    </row>
    <row r="42" spans="1:7" x14ac:dyDescent="0.2">
      <c r="B42" s="10">
        <f>+'GRUPO DE GASTOS'!B14</f>
        <v>1916652520343</v>
      </c>
      <c r="C42" s="10">
        <f>+'GRUPO DE GASTOS'!C14</f>
        <v>674264683030</v>
      </c>
      <c r="D42" s="10">
        <f>+'GRUPO DE GASTOS'!D14</f>
        <v>1242387837313</v>
      </c>
      <c r="E42" s="12">
        <f>+'GRUPO DE GASTOS'!E14</f>
        <v>0.35179286588125791</v>
      </c>
    </row>
    <row r="43" spans="1:7" x14ac:dyDescent="0.2">
      <c r="B43" s="86">
        <f>+B42-B40</f>
        <v>0</v>
      </c>
      <c r="C43" s="86">
        <f>+C42-C40</f>
        <v>0</v>
      </c>
      <c r="D43" s="86">
        <f>+D42-D40</f>
        <v>0</v>
      </c>
      <c r="E43" s="86">
        <f>+E42-E40</f>
        <v>0</v>
      </c>
    </row>
    <row r="44" spans="1:7" x14ac:dyDescent="0.2">
      <c r="B44" s="110"/>
      <c r="C44" s="110"/>
      <c r="D44" s="110"/>
    </row>
  </sheetData>
  <mergeCells count="3">
    <mergeCell ref="A5:E5"/>
    <mergeCell ref="A6:E6"/>
    <mergeCell ref="A7:E7"/>
  </mergeCells>
  <conditionalFormatting sqref="E1:G3 E4 F4:G8">
    <cfRule type="cellIs" dxfId="29" priority="5" operator="lessThan">
      <formula>0</formula>
    </cfRule>
  </conditionalFormatting>
  <conditionalFormatting sqref="J1:J7">
    <cfRule type="cellIs" dxfId="28" priority="1" operator="greaterThan">
      <formula>0.2</formula>
    </cfRule>
    <cfRule type="cellIs" dxfId="27" priority="3" operator="greaterThan">
      <formula>0.1</formula>
    </cfRule>
    <cfRule type="cellIs" dxfId="26" priority="4" operator="greaterThan">
      <formula>0.1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75" fitToHeight="0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3" tint="0.39997558519241921"/>
    <pageSetUpPr fitToPage="1"/>
  </sheetPr>
  <dimension ref="A1:J128"/>
  <sheetViews>
    <sheetView view="pageBreakPreview" zoomScale="130" zoomScaleNormal="85" zoomScaleSheetLayoutView="130" workbookViewId="0">
      <selection activeCell="F127" sqref="F127"/>
    </sheetView>
  </sheetViews>
  <sheetFormatPr baseColWidth="10" defaultRowHeight="12.75" x14ac:dyDescent="0.2"/>
  <cols>
    <col min="1" max="1" width="10.42578125" style="211" customWidth="1"/>
    <col min="2" max="2" width="66.140625" style="211" bestFit="1" customWidth="1"/>
    <col min="3" max="3" width="22.140625" style="211" bestFit="1" customWidth="1"/>
    <col min="4" max="4" width="17.42578125" style="211" customWidth="1"/>
    <col min="5" max="5" width="20.5703125" style="211" bestFit="1" customWidth="1"/>
    <col min="6" max="6" width="19" style="211" customWidth="1"/>
    <col min="7" max="7" width="20.5703125" style="211" bestFit="1" customWidth="1"/>
    <col min="8" max="8" width="7.7109375" style="211" customWidth="1"/>
    <col min="9" max="9" width="7.85546875" style="211" customWidth="1"/>
    <col min="10" max="10" width="7.140625" style="153" customWidth="1"/>
    <col min="11" max="16384" width="11.42578125" style="211"/>
  </cols>
  <sheetData>
    <row r="1" spans="1:10" s="124" customFormat="1" x14ac:dyDescent="0.2">
      <c r="J1" s="150"/>
    </row>
    <row r="2" spans="1:10" s="124" customFormat="1" x14ac:dyDescent="0.2">
      <c r="J2" s="150"/>
    </row>
    <row r="3" spans="1:10" s="124" customFormat="1" ht="18" customHeight="1" x14ac:dyDescent="0.2">
      <c r="J3" s="150"/>
    </row>
    <row r="4" spans="1:10" s="124" customFormat="1" ht="13.5" customHeight="1" x14ac:dyDescent="0.2">
      <c r="A4" s="125" t="s">
        <v>70</v>
      </c>
      <c r="B4" s="126"/>
      <c r="C4" s="126"/>
      <c r="D4" s="126"/>
      <c r="E4" s="126"/>
      <c r="F4" s="126"/>
      <c r="G4" s="126"/>
      <c r="H4" s="126"/>
      <c r="J4" s="150"/>
    </row>
    <row r="5" spans="1:10" s="112" customFormat="1" ht="16.5" customHeight="1" x14ac:dyDescent="0.25">
      <c r="A5" s="192" t="s">
        <v>235</v>
      </c>
      <c r="B5" s="192"/>
      <c r="C5" s="192"/>
      <c r="D5" s="192"/>
      <c r="E5" s="192"/>
      <c r="F5" s="192"/>
      <c r="G5" s="192"/>
      <c r="H5" s="192"/>
      <c r="J5" s="151"/>
    </row>
    <row r="6" spans="1:10" s="112" customFormat="1" ht="15.75" x14ac:dyDescent="0.2">
      <c r="A6" s="183" t="s">
        <v>257</v>
      </c>
      <c r="B6" s="183"/>
      <c r="C6" s="183"/>
      <c r="D6" s="183"/>
      <c r="E6" s="183"/>
      <c r="F6" s="183"/>
      <c r="G6" s="183"/>
      <c r="H6" s="183"/>
      <c r="J6" s="151"/>
    </row>
    <row r="7" spans="1:10" s="127" customFormat="1" ht="13.5" customHeight="1" x14ac:dyDescent="0.2">
      <c r="A7" s="204" t="s">
        <v>251</v>
      </c>
      <c r="B7" s="204"/>
      <c r="C7" s="204"/>
      <c r="D7" s="204"/>
      <c r="E7" s="204"/>
      <c r="F7" s="204"/>
      <c r="G7" s="204"/>
      <c r="H7" s="204"/>
      <c r="J7" s="152"/>
    </row>
    <row r="8" spans="1:10" ht="31.5" x14ac:dyDescent="0.2">
      <c r="A8" s="210" t="s">
        <v>162</v>
      </c>
      <c r="B8" s="176" t="s">
        <v>5</v>
      </c>
      <c r="C8" s="176" t="s">
        <v>211</v>
      </c>
      <c r="D8" s="177" t="s">
        <v>220</v>
      </c>
      <c r="E8" s="176" t="s">
        <v>1</v>
      </c>
      <c r="F8" s="176" t="s">
        <v>2</v>
      </c>
      <c r="G8" s="176" t="s">
        <v>43</v>
      </c>
      <c r="H8" s="178" t="s">
        <v>6</v>
      </c>
    </row>
    <row r="9" spans="1:10" ht="18" customHeight="1" x14ac:dyDescent="0.2">
      <c r="A9" s="212">
        <v>100</v>
      </c>
      <c r="B9" s="213" t="s">
        <v>46</v>
      </c>
      <c r="C9" s="107">
        <f>SUM(C10:C22)</f>
        <v>1354869448639</v>
      </c>
      <c r="D9" s="107">
        <f>SUM(D10:D22)</f>
        <v>0</v>
      </c>
      <c r="E9" s="107">
        <f>SUM(E10:E22)</f>
        <v>1354869448639</v>
      </c>
      <c r="F9" s="107">
        <f>SUM(F10:F22)</f>
        <v>491434902986</v>
      </c>
      <c r="G9" s="107">
        <f>SUM(G10:G22)</f>
        <v>863434545653</v>
      </c>
      <c r="H9" s="137">
        <f t="shared" ref="H9:H72" si="0">+IF(E9=0,1,F9/E9)</f>
        <v>0.36271753229040521</v>
      </c>
    </row>
    <row r="10" spans="1:10" ht="18" customHeight="1" x14ac:dyDescent="0.2">
      <c r="A10" s="214">
        <v>111</v>
      </c>
      <c r="B10" s="215" t="s">
        <v>47</v>
      </c>
      <c r="C10" s="108">
        <v>956559798828</v>
      </c>
      <c r="D10" s="108">
        <v>0</v>
      </c>
      <c r="E10" s="108">
        <f>C10+D10</f>
        <v>956559798828</v>
      </c>
      <c r="F10" s="108">
        <v>371448281443</v>
      </c>
      <c r="G10" s="108">
        <f>E10-F10</f>
        <v>585111517385</v>
      </c>
      <c r="H10" s="128">
        <f t="shared" si="0"/>
        <v>0.38831684323145016</v>
      </c>
      <c r="I10" s="153"/>
    </row>
    <row r="11" spans="1:10" ht="18" customHeight="1" x14ac:dyDescent="0.2">
      <c r="A11" s="216">
        <v>113</v>
      </c>
      <c r="B11" s="217" t="s">
        <v>48</v>
      </c>
      <c r="C11" s="109">
        <v>55953481200</v>
      </c>
      <c r="D11" s="109">
        <v>0</v>
      </c>
      <c r="E11" s="109">
        <f t="shared" ref="E11:E22" si="1">C11+D11</f>
        <v>55953481200</v>
      </c>
      <c r="F11" s="109">
        <v>20412339075</v>
      </c>
      <c r="G11" s="109">
        <f t="shared" ref="G11:G22" si="2">E11-F11</f>
        <v>35541142125</v>
      </c>
      <c r="H11" s="113">
        <f t="shared" si="0"/>
        <v>0.36480909922366012</v>
      </c>
      <c r="I11" s="153"/>
    </row>
    <row r="12" spans="1:10" ht="18" customHeight="1" x14ac:dyDescent="0.2">
      <c r="A12" s="216">
        <v>114</v>
      </c>
      <c r="B12" s="217" t="s">
        <v>49</v>
      </c>
      <c r="C12" s="109">
        <v>84376106669</v>
      </c>
      <c r="D12" s="109">
        <v>0</v>
      </c>
      <c r="E12" s="109">
        <f t="shared" si="1"/>
        <v>84376106669</v>
      </c>
      <c r="F12" s="109">
        <v>0</v>
      </c>
      <c r="G12" s="109">
        <f t="shared" si="2"/>
        <v>84376106669</v>
      </c>
      <c r="H12" s="113">
        <f t="shared" si="0"/>
        <v>0</v>
      </c>
      <c r="I12" s="153"/>
    </row>
    <row r="13" spans="1:10" ht="18" customHeight="1" x14ac:dyDescent="0.2">
      <c r="A13" s="216">
        <v>122</v>
      </c>
      <c r="B13" s="217" t="s">
        <v>50</v>
      </c>
      <c r="C13" s="109">
        <v>220000000</v>
      </c>
      <c r="D13" s="109">
        <v>702000000</v>
      </c>
      <c r="E13" s="109">
        <f t="shared" si="1"/>
        <v>922000000</v>
      </c>
      <c r="F13" s="109">
        <v>323700000</v>
      </c>
      <c r="G13" s="109">
        <f t="shared" si="2"/>
        <v>598300000</v>
      </c>
      <c r="H13" s="113">
        <f t="shared" si="0"/>
        <v>0.35108459869848158</v>
      </c>
      <c r="I13" s="153"/>
    </row>
    <row r="14" spans="1:10" ht="18" customHeight="1" x14ac:dyDescent="0.2">
      <c r="A14" s="216">
        <v>123</v>
      </c>
      <c r="B14" s="217" t="s">
        <v>51</v>
      </c>
      <c r="C14" s="109">
        <v>22740386753</v>
      </c>
      <c r="D14" s="109">
        <v>0</v>
      </c>
      <c r="E14" s="109">
        <f t="shared" si="1"/>
        <v>22740386753</v>
      </c>
      <c r="F14" s="109">
        <v>7012249039</v>
      </c>
      <c r="G14" s="109">
        <f t="shared" si="2"/>
        <v>15728137714</v>
      </c>
      <c r="H14" s="113">
        <f t="shared" si="0"/>
        <v>0.30836102811993366</v>
      </c>
      <c r="I14" s="153"/>
    </row>
    <row r="15" spans="1:10" ht="18" customHeight="1" x14ac:dyDescent="0.2">
      <c r="A15" s="216">
        <v>125</v>
      </c>
      <c r="B15" s="217" t="s">
        <v>244</v>
      </c>
      <c r="C15" s="109">
        <v>814905000</v>
      </c>
      <c r="D15" s="109"/>
      <c r="E15" s="109">
        <f t="shared" si="1"/>
        <v>814905000</v>
      </c>
      <c r="F15" s="109">
        <v>0</v>
      </c>
      <c r="G15" s="109">
        <f t="shared" si="2"/>
        <v>814905000</v>
      </c>
      <c r="H15" s="113">
        <f t="shared" si="0"/>
        <v>0</v>
      </c>
      <c r="I15" s="153"/>
    </row>
    <row r="16" spans="1:10" ht="18" customHeight="1" x14ac:dyDescent="0.2">
      <c r="A16" s="216">
        <v>131</v>
      </c>
      <c r="B16" s="217" t="s">
        <v>52</v>
      </c>
      <c r="C16" s="109">
        <v>3786956208</v>
      </c>
      <c r="D16" s="109">
        <v>910720000</v>
      </c>
      <c r="E16" s="109">
        <f t="shared" si="1"/>
        <v>4697676208</v>
      </c>
      <c r="F16" s="109">
        <v>3640600000</v>
      </c>
      <c r="G16" s="109">
        <f t="shared" si="2"/>
        <v>1057076208</v>
      </c>
      <c r="H16" s="113">
        <f t="shared" si="0"/>
        <v>0.77497891272288388</v>
      </c>
      <c r="I16" s="153"/>
    </row>
    <row r="17" spans="1:9" ht="18" customHeight="1" x14ac:dyDescent="0.2">
      <c r="A17" s="216">
        <v>133</v>
      </c>
      <c r="B17" s="217" t="s">
        <v>163</v>
      </c>
      <c r="C17" s="109">
        <v>169484110636</v>
      </c>
      <c r="D17" s="109">
        <v>-4586010670</v>
      </c>
      <c r="E17" s="109">
        <f t="shared" si="1"/>
        <v>164898099966</v>
      </c>
      <c r="F17" s="109">
        <v>68066240247</v>
      </c>
      <c r="G17" s="109">
        <f t="shared" si="2"/>
        <v>96831859719</v>
      </c>
      <c r="H17" s="113">
        <f t="shared" si="0"/>
        <v>0.41277758968135131</v>
      </c>
      <c r="I17" s="153"/>
    </row>
    <row r="18" spans="1:9" ht="18" customHeight="1" x14ac:dyDescent="0.2">
      <c r="A18" s="216">
        <v>137</v>
      </c>
      <c r="B18" s="217" t="s">
        <v>116</v>
      </c>
      <c r="C18" s="109">
        <v>5636444000</v>
      </c>
      <c r="D18" s="109">
        <v>3486638500</v>
      </c>
      <c r="E18" s="109">
        <f t="shared" si="1"/>
        <v>9123082500</v>
      </c>
      <c r="F18" s="109">
        <v>3189410271</v>
      </c>
      <c r="G18" s="109">
        <f t="shared" si="2"/>
        <v>5933672229</v>
      </c>
      <c r="H18" s="113">
        <f t="shared" si="0"/>
        <v>0.34959787670450204</v>
      </c>
      <c r="I18" s="153"/>
    </row>
    <row r="19" spans="1:9" ht="18" customHeight="1" x14ac:dyDescent="0.2">
      <c r="A19" s="216">
        <v>142</v>
      </c>
      <c r="B19" s="217" t="s">
        <v>53</v>
      </c>
      <c r="C19" s="109">
        <v>360607624</v>
      </c>
      <c r="D19" s="109">
        <v>0</v>
      </c>
      <c r="E19" s="109">
        <f t="shared" si="1"/>
        <v>360607624</v>
      </c>
      <c r="F19" s="109">
        <v>134795240</v>
      </c>
      <c r="G19" s="109">
        <f t="shared" si="2"/>
        <v>225812384</v>
      </c>
      <c r="H19" s="113">
        <f t="shared" si="0"/>
        <v>0.37380030545333121</v>
      </c>
      <c r="I19" s="153"/>
    </row>
    <row r="20" spans="1:9" ht="18" customHeight="1" x14ac:dyDescent="0.2">
      <c r="A20" s="216">
        <v>144</v>
      </c>
      <c r="B20" s="217" t="s">
        <v>54</v>
      </c>
      <c r="C20" s="109">
        <v>26955330990</v>
      </c>
      <c r="D20" s="109">
        <v>3090999752</v>
      </c>
      <c r="E20" s="109">
        <f t="shared" si="1"/>
        <v>30046330742</v>
      </c>
      <c r="F20" s="109">
        <v>10481569136</v>
      </c>
      <c r="G20" s="109">
        <f t="shared" si="2"/>
        <v>19564761606</v>
      </c>
      <c r="H20" s="113">
        <f t="shared" si="0"/>
        <v>0.34884689335288555</v>
      </c>
      <c r="I20" s="153"/>
    </row>
    <row r="21" spans="1:9" ht="18" customHeight="1" x14ac:dyDescent="0.2">
      <c r="A21" s="216">
        <v>145</v>
      </c>
      <c r="B21" s="217" t="s">
        <v>62</v>
      </c>
      <c r="C21" s="109">
        <v>18897071821</v>
      </c>
      <c r="D21" s="109">
        <v>-604347582</v>
      </c>
      <c r="E21" s="109">
        <f t="shared" si="1"/>
        <v>18292724239</v>
      </c>
      <c r="F21" s="109">
        <v>5195530672</v>
      </c>
      <c r="G21" s="109">
        <f t="shared" si="2"/>
        <v>13097193567</v>
      </c>
      <c r="H21" s="113">
        <f t="shared" si="0"/>
        <v>0.28402170196843363</v>
      </c>
      <c r="I21" s="153"/>
    </row>
    <row r="22" spans="1:9" ht="18" customHeight="1" x14ac:dyDescent="0.2">
      <c r="A22" s="216">
        <v>199</v>
      </c>
      <c r="B22" s="218" t="s">
        <v>55</v>
      </c>
      <c r="C22" s="139">
        <v>9084248910</v>
      </c>
      <c r="D22" s="139">
        <v>-3000000000</v>
      </c>
      <c r="E22" s="139">
        <f t="shared" si="1"/>
        <v>6084248910</v>
      </c>
      <c r="F22" s="139">
        <v>1530187863</v>
      </c>
      <c r="G22" s="139">
        <f t="shared" si="2"/>
        <v>4554061047</v>
      </c>
      <c r="H22" s="113">
        <f t="shared" si="0"/>
        <v>0.25149987872537583</v>
      </c>
      <c r="I22" s="153"/>
    </row>
    <row r="23" spans="1:9" ht="18" customHeight="1" x14ac:dyDescent="0.2">
      <c r="A23" s="219">
        <v>200</v>
      </c>
      <c r="B23" s="220" t="s">
        <v>56</v>
      </c>
      <c r="C23" s="107">
        <f>SUM(C24:C56)</f>
        <v>334176959766</v>
      </c>
      <c r="D23" s="107">
        <f>SUM(D24:D56)</f>
        <v>-905957560</v>
      </c>
      <c r="E23" s="107">
        <f>SUM(E24:E56)</f>
        <v>333271002206</v>
      </c>
      <c r="F23" s="107">
        <f>SUM(F24:F56)</f>
        <v>122835258789</v>
      </c>
      <c r="G23" s="107">
        <f>SUM(G24:G56)</f>
        <v>210435743417</v>
      </c>
      <c r="H23" s="137">
        <f t="shared" si="0"/>
        <v>0.36857469739618576</v>
      </c>
      <c r="I23" s="137"/>
    </row>
    <row r="24" spans="1:9" ht="18" customHeight="1" x14ac:dyDescent="0.2">
      <c r="A24" s="214">
        <v>211</v>
      </c>
      <c r="B24" s="215" t="s">
        <v>121</v>
      </c>
      <c r="C24" s="108">
        <v>16462812900</v>
      </c>
      <c r="D24" s="109">
        <v>-20000000</v>
      </c>
      <c r="E24" s="109">
        <f t="shared" ref="E24:E56" si="3">C24+D24</f>
        <v>16442812900</v>
      </c>
      <c r="F24" s="109">
        <v>5805568600</v>
      </c>
      <c r="G24" s="109">
        <f t="shared" ref="G24:G56" si="4">E24-F24</f>
        <v>10637244300</v>
      </c>
      <c r="H24" s="115">
        <f t="shared" si="0"/>
        <v>0.35307636444613438</v>
      </c>
      <c r="I24" s="153"/>
    </row>
    <row r="25" spans="1:9" ht="18" customHeight="1" x14ac:dyDescent="0.2">
      <c r="A25" s="216">
        <v>212</v>
      </c>
      <c r="B25" s="217" t="s">
        <v>122</v>
      </c>
      <c r="C25" s="109">
        <v>1615144872</v>
      </c>
      <c r="D25" s="109">
        <v>70898800</v>
      </c>
      <c r="E25" s="109">
        <f t="shared" si="3"/>
        <v>1686043672</v>
      </c>
      <c r="F25" s="109">
        <v>560123789</v>
      </c>
      <c r="G25" s="109">
        <f t="shared" si="4"/>
        <v>1125919883</v>
      </c>
      <c r="H25" s="113">
        <f t="shared" si="0"/>
        <v>0.33221191022624946</v>
      </c>
      <c r="I25" s="153"/>
    </row>
    <row r="26" spans="1:9" ht="18" customHeight="1" x14ac:dyDescent="0.2">
      <c r="A26" s="216">
        <v>214</v>
      </c>
      <c r="B26" s="217" t="s">
        <v>164</v>
      </c>
      <c r="C26" s="109">
        <v>2150907451</v>
      </c>
      <c r="D26" s="109">
        <v>550000</v>
      </c>
      <c r="E26" s="109">
        <f t="shared" si="3"/>
        <v>2151457451</v>
      </c>
      <c r="F26" s="109">
        <v>555432040</v>
      </c>
      <c r="G26" s="109">
        <f t="shared" si="4"/>
        <v>1596025411</v>
      </c>
      <c r="H26" s="113">
        <f t="shared" si="0"/>
        <v>0.25816547742639973</v>
      </c>
      <c r="I26" s="153"/>
    </row>
    <row r="27" spans="1:9" ht="18" customHeight="1" x14ac:dyDescent="0.2">
      <c r="A27" s="216">
        <v>215</v>
      </c>
      <c r="B27" s="217" t="s">
        <v>165</v>
      </c>
      <c r="C27" s="109">
        <v>444163500</v>
      </c>
      <c r="D27" s="109">
        <v>2500000</v>
      </c>
      <c r="E27" s="109">
        <f t="shared" si="3"/>
        <v>446663500</v>
      </c>
      <c r="F27" s="109">
        <v>56341000</v>
      </c>
      <c r="G27" s="109">
        <f t="shared" si="4"/>
        <v>390322500</v>
      </c>
      <c r="H27" s="113">
        <f t="shared" si="0"/>
        <v>0.12613746142230112</v>
      </c>
      <c r="I27" s="153"/>
    </row>
    <row r="28" spans="1:9" ht="18" customHeight="1" x14ac:dyDescent="0.2">
      <c r="A28" s="216">
        <v>221</v>
      </c>
      <c r="B28" s="217" t="s">
        <v>123</v>
      </c>
      <c r="C28" s="109">
        <v>937004112</v>
      </c>
      <c r="D28" s="109">
        <v>96350760</v>
      </c>
      <c r="E28" s="109">
        <f t="shared" si="3"/>
        <v>1033354872</v>
      </c>
      <c r="F28" s="109">
        <v>430340201</v>
      </c>
      <c r="G28" s="109">
        <f t="shared" si="4"/>
        <v>603014671</v>
      </c>
      <c r="H28" s="113">
        <f t="shared" si="0"/>
        <v>0.41644957861097692</v>
      </c>
      <c r="I28" s="153"/>
    </row>
    <row r="29" spans="1:9" ht="18" customHeight="1" x14ac:dyDescent="0.2">
      <c r="A29" s="216">
        <v>222</v>
      </c>
      <c r="B29" s="217" t="s">
        <v>124</v>
      </c>
      <c r="C29" s="109">
        <v>2153356802</v>
      </c>
      <c r="D29" s="109">
        <v>53094360</v>
      </c>
      <c r="E29" s="109">
        <f t="shared" si="3"/>
        <v>2206451162</v>
      </c>
      <c r="F29" s="109">
        <v>1264254520</v>
      </c>
      <c r="G29" s="109">
        <f t="shared" si="4"/>
        <v>942196642</v>
      </c>
      <c r="H29" s="113">
        <f t="shared" si="0"/>
        <v>0.57298096680011623</v>
      </c>
      <c r="I29" s="153"/>
    </row>
    <row r="30" spans="1:9" ht="18" customHeight="1" x14ac:dyDescent="0.2">
      <c r="A30" s="216">
        <v>223</v>
      </c>
      <c r="B30" s="217" t="s">
        <v>125</v>
      </c>
      <c r="C30" s="109">
        <v>403385400</v>
      </c>
      <c r="D30" s="109">
        <v>0</v>
      </c>
      <c r="E30" s="109">
        <f t="shared" si="3"/>
        <v>403385400</v>
      </c>
      <c r="F30" s="109">
        <v>130935000</v>
      </c>
      <c r="G30" s="109">
        <f t="shared" si="4"/>
        <v>272450400</v>
      </c>
      <c r="H30" s="113">
        <f t="shared" si="0"/>
        <v>0.32459032974420987</v>
      </c>
      <c r="I30" s="153"/>
    </row>
    <row r="31" spans="1:9" ht="18" customHeight="1" x14ac:dyDescent="0.2">
      <c r="A31" s="216">
        <v>231</v>
      </c>
      <c r="B31" s="217" t="s">
        <v>126</v>
      </c>
      <c r="C31" s="109">
        <v>658350000</v>
      </c>
      <c r="D31" s="109">
        <v>-19800000</v>
      </c>
      <c r="E31" s="109">
        <f t="shared" si="3"/>
        <v>638550000</v>
      </c>
      <c r="F31" s="109">
        <v>198456602</v>
      </c>
      <c r="G31" s="109">
        <f t="shared" si="4"/>
        <v>440093398</v>
      </c>
      <c r="H31" s="113">
        <f t="shared" si="0"/>
        <v>0.31079258006420796</v>
      </c>
      <c r="I31" s="153"/>
    </row>
    <row r="32" spans="1:9" ht="18" customHeight="1" x14ac:dyDescent="0.2">
      <c r="A32" s="216">
        <v>232</v>
      </c>
      <c r="B32" s="217" t="s">
        <v>216</v>
      </c>
      <c r="C32" s="109">
        <v>5548349106</v>
      </c>
      <c r="D32" s="109">
        <v>-53833925</v>
      </c>
      <c r="E32" s="109">
        <f t="shared" si="3"/>
        <v>5494515181</v>
      </c>
      <c r="F32" s="109">
        <v>1205180690</v>
      </c>
      <c r="G32" s="109">
        <f t="shared" si="4"/>
        <v>4289334491</v>
      </c>
      <c r="H32" s="113">
        <f t="shared" si="0"/>
        <v>0.21934249889189633</v>
      </c>
      <c r="I32" s="153"/>
    </row>
    <row r="33" spans="1:9" ht="18" customHeight="1" x14ac:dyDescent="0.2">
      <c r="A33" s="216">
        <v>239</v>
      </c>
      <c r="B33" s="217" t="s">
        <v>166</v>
      </c>
      <c r="C33" s="109">
        <v>22473000</v>
      </c>
      <c r="D33" s="109">
        <v>-18513000</v>
      </c>
      <c r="E33" s="109">
        <f t="shared" si="3"/>
        <v>3960000</v>
      </c>
      <c r="F33" s="109">
        <v>75000</v>
      </c>
      <c r="G33" s="109">
        <f t="shared" si="4"/>
        <v>3885000</v>
      </c>
      <c r="H33" s="113">
        <f t="shared" si="0"/>
        <v>1.893939393939394E-2</v>
      </c>
      <c r="I33" s="153"/>
    </row>
    <row r="34" spans="1:9" ht="18" customHeight="1" x14ac:dyDescent="0.2">
      <c r="A34" s="216">
        <v>242</v>
      </c>
      <c r="B34" s="217" t="s">
        <v>127</v>
      </c>
      <c r="C34" s="109">
        <v>16919963894</v>
      </c>
      <c r="D34" s="109">
        <v>375686944</v>
      </c>
      <c r="E34" s="109">
        <f t="shared" si="3"/>
        <v>17295650838</v>
      </c>
      <c r="F34" s="109">
        <v>5794081179</v>
      </c>
      <c r="G34" s="109">
        <f t="shared" si="4"/>
        <v>11501569659</v>
      </c>
      <c r="H34" s="113">
        <f t="shared" si="0"/>
        <v>0.33500220565680688</v>
      </c>
      <c r="I34" s="153"/>
    </row>
    <row r="35" spans="1:9" ht="18" customHeight="1" x14ac:dyDescent="0.2">
      <c r="A35" s="216">
        <v>243</v>
      </c>
      <c r="B35" s="217" t="s">
        <v>167</v>
      </c>
      <c r="C35" s="109">
        <v>5124571027</v>
      </c>
      <c r="D35" s="109">
        <v>-113484207</v>
      </c>
      <c r="E35" s="109">
        <f t="shared" si="3"/>
        <v>5011086820</v>
      </c>
      <c r="F35" s="109">
        <v>1235415607</v>
      </c>
      <c r="G35" s="109">
        <f t="shared" si="4"/>
        <v>3775671213</v>
      </c>
      <c r="H35" s="113">
        <f t="shared" si="0"/>
        <v>0.24653646032818086</v>
      </c>
      <c r="I35" s="153"/>
    </row>
    <row r="36" spans="1:9" ht="18" customHeight="1" x14ac:dyDescent="0.2">
      <c r="A36" s="216">
        <v>244</v>
      </c>
      <c r="B36" s="217" t="s">
        <v>168</v>
      </c>
      <c r="C36" s="109">
        <v>2920927017</v>
      </c>
      <c r="D36" s="109">
        <v>431266343</v>
      </c>
      <c r="E36" s="109">
        <f t="shared" si="3"/>
        <v>3352193360</v>
      </c>
      <c r="F36" s="109">
        <v>1046748039</v>
      </c>
      <c r="G36" s="109">
        <f t="shared" si="4"/>
        <v>2305445321</v>
      </c>
      <c r="H36" s="113">
        <f t="shared" si="0"/>
        <v>0.31225765538775485</v>
      </c>
      <c r="I36" s="153"/>
    </row>
    <row r="37" spans="1:9" ht="18" customHeight="1" x14ac:dyDescent="0.2">
      <c r="A37" s="216">
        <v>245</v>
      </c>
      <c r="B37" s="217" t="s">
        <v>128</v>
      </c>
      <c r="C37" s="109">
        <v>29150948929</v>
      </c>
      <c r="D37" s="109">
        <v>169973773</v>
      </c>
      <c r="E37" s="109">
        <f t="shared" si="3"/>
        <v>29320922702</v>
      </c>
      <c r="F37" s="109">
        <v>15154689329</v>
      </c>
      <c r="G37" s="109">
        <f t="shared" si="4"/>
        <v>14166233373</v>
      </c>
      <c r="H37" s="113">
        <f t="shared" si="0"/>
        <v>0.51685581258894997</v>
      </c>
      <c r="I37" s="153"/>
    </row>
    <row r="38" spans="1:9" ht="18" customHeight="1" x14ac:dyDescent="0.2">
      <c r="A38" s="216">
        <v>246</v>
      </c>
      <c r="B38" s="217" t="s">
        <v>129</v>
      </c>
      <c r="C38" s="109">
        <v>7104016903</v>
      </c>
      <c r="D38" s="109">
        <v>841816487</v>
      </c>
      <c r="E38" s="109">
        <f t="shared" si="3"/>
        <v>7945833390</v>
      </c>
      <c r="F38" s="109">
        <v>2520074535</v>
      </c>
      <c r="G38" s="109">
        <f t="shared" si="4"/>
        <v>5425758855</v>
      </c>
      <c r="H38" s="113">
        <f t="shared" si="0"/>
        <v>0.31715672998776534</v>
      </c>
      <c r="I38" s="153"/>
    </row>
    <row r="39" spans="1:9" ht="18" customHeight="1" x14ac:dyDescent="0.2">
      <c r="A39" s="216">
        <v>251</v>
      </c>
      <c r="B39" s="217" t="s">
        <v>130</v>
      </c>
      <c r="C39" s="109">
        <v>16647064931</v>
      </c>
      <c r="D39" s="109">
        <v>529404705</v>
      </c>
      <c r="E39" s="109">
        <f t="shared" si="3"/>
        <v>17176469636</v>
      </c>
      <c r="F39" s="109">
        <v>7795641887</v>
      </c>
      <c r="G39" s="109">
        <f t="shared" si="4"/>
        <v>9380827749</v>
      </c>
      <c r="H39" s="113">
        <f t="shared" si="0"/>
        <v>0.45385588844527097</v>
      </c>
      <c r="I39" s="153"/>
    </row>
    <row r="40" spans="1:9" ht="18" customHeight="1" x14ac:dyDescent="0.2">
      <c r="A40" s="216">
        <v>252</v>
      </c>
      <c r="B40" s="217" t="s">
        <v>210</v>
      </c>
      <c r="C40" s="109">
        <v>282744000</v>
      </c>
      <c r="D40" s="109">
        <v>-75600000</v>
      </c>
      <c r="E40" s="109">
        <f t="shared" si="3"/>
        <v>207144000</v>
      </c>
      <c r="F40" s="109">
        <v>65190000</v>
      </c>
      <c r="G40" s="109">
        <f t="shared" si="4"/>
        <v>141954000</v>
      </c>
      <c r="H40" s="113">
        <f t="shared" si="0"/>
        <v>0.31470860850422894</v>
      </c>
      <c r="I40" s="153"/>
    </row>
    <row r="41" spans="1:9" ht="18" customHeight="1" x14ac:dyDescent="0.2">
      <c r="A41" s="216">
        <v>253</v>
      </c>
      <c r="B41" s="217" t="s">
        <v>188</v>
      </c>
      <c r="C41" s="109">
        <v>2512717218</v>
      </c>
      <c r="D41" s="109">
        <v>1458604000</v>
      </c>
      <c r="E41" s="109">
        <f t="shared" si="3"/>
        <v>3971321218</v>
      </c>
      <c r="F41" s="109">
        <v>1765200000</v>
      </c>
      <c r="G41" s="109">
        <f t="shared" si="4"/>
        <v>2206121218</v>
      </c>
      <c r="H41" s="113">
        <f t="shared" si="0"/>
        <v>0.44448683526259142</v>
      </c>
      <c r="I41" s="153"/>
    </row>
    <row r="42" spans="1:9" ht="18" customHeight="1" x14ac:dyDescent="0.2">
      <c r="A42" s="216">
        <v>261</v>
      </c>
      <c r="B42" s="217" t="s">
        <v>169</v>
      </c>
      <c r="C42" s="109">
        <v>10594508144</v>
      </c>
      <c r="D42" s="109">
        <v>-3271788114</v>
      </c>
      <c r="E42" s="109">
        <f t="shared" si="3"/>
        <v>7322720030</v>
      </c>
      <c r="F42" s="109">
        <v>3135589733</v>
      </c>
      <c r="G42" s="109">
        <f t="shared" si="4"/>
        <v>4187130297</v>
      </c>
      <c r="H42" s="113">
        <f t="shared" si="0"/>
        <v>0.42820013876728807</v>
      </c>
      <c r="I42" s="153"/>
    </row>
    <row r="43" spans="1:9" ht="18" customHeight="1" x14ac:dyDescent="0.2">
      <c r="A43" s="216">
        <v>262</v>
      </c>
      <c r="B43" s="217" t="s">
        <v>131</v>
      </c>
      <c r="C43" s="109">
        <v>9333354631</v>
      </c>
      <c r="D43" s="109">
        <v>-101171869</v>
      </c>
      <c r="E43" s="109">
        <f t="shared" si="3"/>
        <v>9232182762</v>
      </c>
      <c r="F43" s="109">
        <v>4143229686</v>
      </c>
      <c r="G43" s="109">
        <f t="shared" si="4"/>
        <v>5088953076</v>
      </c>
      <c r="H43" s="113">
        <f t="shared" si="0"/>
        <v>0.44878115964663134</v>
      </c>
      <c r="I43" s="153"/>
    </row>
    <row r="44" spans="1:9" ht="18" customHeight="1" x14ac:dyDescent="0.2">
      <c r="A44" s="216">
        <v>263</v>
      </c>
      <c r="B44" s="217" t="s">
        <v>132</v>
      </c>
      <c r="C44" s="109">
        <v>462564716</v>
      </c>
      <c r="D44" s="109">
        <v>-13879316</v>
      </c>
      <c r="E44" s="109">
        <f t="shared" si="3"/>
        <v>448685400</v>
      </c>
      <c r="F44" s="109">
        <v>5007310</v>
      </c>
      <c r="G44" s="109">
        <f t="shared" si="4"/>
        <v>443678090</v>
      </c>
      <c r="H44" s="113">
        <f t="shared" si="0"/>
        <v>1.1159957511432287E-2</v>
      </c>
      <c r="I44" s="153"/>
    </row>
    <row r="45" spans="1:9" ht="18" customHeight="1" x14ac:dyDescent="0.2">
      <c r="A45" s="216">
        <v>264</v>
      </c>
      <c r="B45" s="217" t="s">
        <v>182</v>
      </c>
      <c r="C45" s="109">
        <v>17902627842</v>
      </c>
      <c r="D45" s="109">
        <v>-2856227507</v>
      </c>
      <c r="E45" s="109">
        <f t="shared" si="3"/>
        <v>15046400335</v>
      </c>
      <c r="F45" s="109">
        <v>13473042174</v>
      </c>
      <c r="G45" s="109">
        <f t="shared" si="4"/>
        <v>1573358161</v>
      </c>
      <c r="H45" s="113">
        <f t="shared" si="0"/>
        <v>0.89543291910556488</v>
      </c>
      <c r="I45" s="153"/>
    </row>
    <row r="46" spans="1:9" ht="18" customHeight="1" x14ac:dyDescent="0.2">
      <c r="A46" s="216">
        <v>265</v>
      </c>
      <c r="B46" s="217" t="s">
        <v>133</v>
      </c>
      <c r="C46" s="109">
        <v>214979678</v>
      </c>
      <c r="D46" s="109">
        <v>18000000</v>
      </c>
      <c r="E46" s="109">
        <f t="shared" si="3"/>
        <v>232979678</v>
      </c>
      <c r="F46" s="109">
        <v>117575167</v>
      </c>
      <c r="G46" s="109">
        <f t="shared" si="4"/>
        <v>115404511</v>
      </c>
      <c r="H46" s="113">
        <f t="shared" si="0"/>
        <v>0.50465846639207734</v>
      </c>
      <c r="I46" s="153"/>
    </row>
    <row r="47" spans="1:9" ht="18" customHeight="1" x14ac:dyDescent="0.2">
      <c r="A47" s="216">
        <v>266</v>
      </c>
      <c r="B47" s="217" t="s">
        <v>170</v>
      </c>
      <c r="C47" s="109">
        <v>7254894869</v>
      </c>
      <c r="D47" s="109">
        <v>1418332858</v>
      </c>
      <c r="E47" s="109">
        <f t="shared" si="3"/>
        <v>8673227727</v>
      </c>
      <c r="F47" s="109">
        <v>243000000</v>
      </c>
      <c r="G47" s="109">
        <f t="shared" si="4"/>
        <v>8430227727</v>
      </c>
      <c r="H47" s="113">
        <f t="shared" si="0"/>
        <v>2.8017251206668335E-2</v>
      </c>
      <c r="I47" s="153"/>
    </row>
    <row r="48" spans="1:9" ht="18" customHeight="1" x14ac:dyDescent="0.2">
      <c r="A48" s="216">
        <v>268</v>
      </c>
      <c r="B48" s="217" t="s">
        <v>134</v>
      </c>
      <c r="C48" s="109">
        <v>3528582552</v>
      </c>
      <c r="D48" s="109">
        <v>134554729</v>
      </c>
      <c r="E48" s="109">
        <f t="shared" si="3"/>
        <v>3663137281</v>
      </c>
      <c r="F48" s="109">
        <v>1556307384</v>
      </c>
      <c r="G48" s="109">
        <f t="shared" si="4"/>
        <v>2106829897</v>
      </c>
      <c r="H48" s="113">
        <f t="shared" si="0"/>
        <v>0.42485641804151647</v>
      </c>
      <c r="I48" s="153"/>
    </row>
    <row r="49" spans="1:9" ht="18" customHeight="1" x14ac:dyDescent="0.2">
      <c r="A49" s="216">
        <v>269</v>
      </c>
      <c r="B49" s="217" t="s">
        <v>199</v>
      </c>
      <c r="C49" s="109">
        <v>1881000</v>
      </c>
      <c r="D49" s="109">
        <v>6000000</v>
      </c>
      <c r="E49" s="109">
        <f t="shared" si="3"/>
        <v>7881000</v>
      </c>
      <c r="F49" s="109">
        <v>1754304</v>
      </c>
      <c r="G49" s="109">
        <f t="shared" si="4"/>
        <v>6126696</v>
      </c>
      <c r="H49" s="113">
        <f t="shared" si="0"/>
        <v>0.22259916254282452</v>
      </c>
      <c r="I49" s="153"/>
    </row>
    <row r="50" spans="1:9" ht="18" customHeight="1" x14ac:dyDescent="0.2">
      <c r="A50" s="216">
        <v>271</v>
      </c>
      <c r="B50" s="217" t="s">
        <v>189</v>
      </c>
      <c r="C50" s="109">
        <v>171794365723</v>
      </c>
      <c r="D50" s="109">
        <v>0</v>
      </c>
      <c r="E50" s="109">
        <f t="shared" si="3"/>
        <v>171794365723</v>
      </c>
      <c r="F50" s="109">
        <v>54175000000</v>
      </c>
      <c r="G50" s="109">
        <f t="shared" si="4"/>
        <v>117619365723</v>
      </c>
      <c r="H50" s="113">
        <f t="shared" si="0"/>
        <v>0.31534794387466342</v>
      </c>
      <c r="I50" s="153"/>
    </row>
    <row r="51" spans="1:9" ht="18" customHeight="1" x14ac:dyDescent="0.2">
      <c r="A51" s="216">
        <v>281</v>
      </c>
      <c r="B51" s="217" t="s">
        <v>135</v>
      </c>
      <c r="C51" s="109">
        <v>143847000</v>
      </c>
      <c r="D51" s="109">
        <v>48570000</v>
      </c>
      <c r="E51" s="109">
        <f t="shared" si="3"/>
        <v>192417000</v>
      </c>
      <c r="F51" s="109">
        <v>61934003</v>
      </c>
      <c r="G51" s="109">
        <f t="shared" si="4"/>
        <v>130482997</v>
      </c>
      <c r="H51" s="113">
        <f t="shared" si="0"/>
        <v>0.32187386249655697</v>
      </c>
      <c r="I51" s="153"/>
    </row>
    <row r="52" spans="1:9" ht="18" customHeight="1" x14ac:dyDescent="0.2">
      <c r="A52" s="216">
        <v>282</v>
      </c>
      <c r="B52" s="217" t="s">
        <v>136</v>
      </c>
      <c r="C52" s="109">
        <v>1032471000</v>
      </c>
      <c r="D52" s="109">
        <v>-178143516</v>
      </c>
      <c r="E52" s="109">
        <f t="shared" si="3"/>
        <v>854327484</v>
      </c>
      <c r="F52" s="109">
        <v>84700000</v>
      </c>
      <c r="G52" s="109">
        <f t="shared" si="4"/>
        <v>769627484</v>
      </c>
      <c r="H52" s="113">
        <f t="shared" si="0"/>
        <v>9.9142309695376726E-2</v>
      </c>
      <c r="I52" s="153"/>
    </row>
    <row r="53" spans="1:9" ht="16.5" x14ac:dyDescent="0.2">
      <c r="A53" s="216">
        <v>284</v>
      </c>
      <c r="B53" s="217" t="s">
        <v>137</v>
      </c>
      <c r="C53" s="109">
        <v>549450000</v>
      </c>
      <c r="D53" s="109">
        <v>285435335</v>
      </c>
      <c r="E53" s="109">
        <f t="shared" si="3"/>
        <v>834885335</v>
      </c>
      <c r="F53" s="109">
        <v>243237610</v>
      </c>
      <c r="G53" s="109">
        <f t="shared" si="4"/>
        <v>591647725</v>
      </c>
      <c r="H53" s="113">
        <f t="shared" si="0"/>
        <v>0.29134253507998198</v>
      </c>
      <c r="I53" s="153"/>
    </row>
    <row r="54" spans="1:9" ht="16.5" x14ac:dyDescent="0.2">
      <c r="A54" s="216">
        <v>288</v>
      </c>
      <c r="B54" s="217" t="s">
        <v>138</v>
      </c>
      <c r="C54" s="109">
        <v>44550000</v>
      </c>
      <c r="D54" s="109">
        <v>-18150000</v>
      </c>
      <c r="E54" s="109">
        <f t="shared" si="3"/>
        <v>26400000</v>
      </c>
      <c r="F54" s="109">
        <v>6333400</v>
      </c>
      <c r="G54" s="109">
        <f t="shared" si="4"/>
        <v>20066600</v>
      </c>
      <c r="H54" s="113">
        <f t="shared" si="0"/>
        <v>0.23990151515151514</v>
      </c>
      <c r="I54" s="153"/>
    </row>
    <row r="55" spans="1:9" ht="16.5" x14ac:dyDescent="0.2">
      <c r="A55" s="216">
        <v>291</v>
      </c>
      <c r="B55" s="217" t="s">
        <v>190</v>
      </c>
      <c r="C55" s="109">
        <v>259981549</v>
      </c>
      <c r="D55" s="109">
        <v>-106405200</v>
      </c>
      <c r="E55" s="109">
        <f t="shared" si="3"/>
        <v>153576349</v>
      </c>
      <c r="F55" s="109">
        <v>4800000</v>
      </c>
      <c r="G55" s="109">
        <f t="shared" si="4"/>
        <v>148776349</v>
      </c>
      <c r="H55" s="113">
        <f t="shared" si="0"/>
        <v>3.125481254929429E-2</v>
      </c>
      <c r="I55" s="153"/>
    </row>
    <row r="56" spans="1:9" ht="16.5" hidden="1" x14ac:dyDescent="0.2">
      <c r="A56" s="216">
        <v>292</v>
      </c>
      <c r="B56" s="217" t="s">
        <v>214</v>
      </c>
      <c r="C56" s="109">
        <v>0</v>
      </c>
      <c r="D56" s="109">
        <v>0</v>
      </c>
      <c r="E56" s="109">
        <f t="shared" si="3"/>
        <v>0</v>
      </c>
      <c r="F56" s="109">
        <v>0</v>
      </c>
      <c r="G56" s="109">
        <f t="shared" si="4"/>
        <v>0</v>
      </c>
      <c r="H56" s="113">
        <f t="shared" si="0"/>
        <v>1</v>
      </c>
      <c r="I56" s="153"/>
    </row>
    <row r="57" spans="1:9" ht="15.75" x14ac:dyDescent="0.2">
      <c r="A57" s="212">
        <v>300</v>
      </c>
      <c r="B57" s="213" t="s">
        <v>57</v>
      </c>
      <c r="C57" s="107">
        <f>SUM(C58:C92)</f>
        <v>17146005344</v>
      </c>
      <c r="D57" s="107">
        <f>SUM(D58:D92)</f>
        <v>1720517378</v>
      </c>
      <c r="E57" s="107">
        <f>SUM(E58:E92)</f>
        <v>18866522722</v>
      </c>
      <c r="F57" s="107">
        <f>SUM(F58:F92)</f>
        <v>4214215731</v>
      </c>
      <c r="G57" s="107">
        <f>SUM(G58:G92)</f>
        <v>14652306991</v>
      </c>
      <c r="H57" s="137">
        <f t="shared" si="0"/>
        <v>0.22337002918327178</v>
      </c>
      <c r="I57" s="137"/>
    </row>
    <row r="58" spans="1:9" ht="18" customHeight="1" x14ac:dyDescent="0.2">
      <c r="A58" s="216">
        <v>311</v>
      </c>
      <c r="B58" s="217" t="s">
        <v>139</v>
      </c>
      <c r="C58" s="109">
        <v>207674700</v>
      </c>
      <c r="D58" s="109">
        <v>24130597</v>
      </c>
      <c r="E58" s="109">
        <f t="shared" ref="E58:E92" si="5">C58+D58</f>
        <v>231805297</v>
      </c>
      <c r="F58" s="109">
        <v>99815994</v>
      </c>
      <c r="G58" s="109">
        <f t="shared" ref="G58:G92" si="6">E58-F58</f>
        <v>131989303</v>
      </c>
      <c r="H58" s="113">
        <f t="shared" si="0"/>
        <v>0.4306027312223154</v>
      </c>
      <c r="I58" s="153"/>
    </row>
    <row r="59" spans="1:9" ht="18" customHeight="1" x14ac:dyDescent="0.2">
      <c r="A59" s="216">
        <v>321</v>
      </c>
      <c r="B59" s="217" t="s">
        <v>140</v>
      </c>
      <c r="C59" s="109">
        <v>886545</v>
      </c>
      <c r="D59" s="109">
        <v>-494505</v>
      </c>
      <c r="E59" s="109">
        <f t="shared" si="5"/>
        <v>392040</v>
      </c>
      <c r="F59" s="109">
        <v>0</v>
      </c>
      <c r="G59" s="109">
        <f t="shared" si="6"/>
        <v>392040</v>
      </c>
      <c r="H59" s="113">
        <f t="shared" si="0"/>
        <v>0</v>
      </c>
      <c r="I59" s="153"/>
    </row>
    <row r="60" spans="1:9" ht="18" customHeight="1" x14ac:dyDescent="0.2">
      <c r="A60" s="216">
        <v>322</v>
      </c>
      <c r="B60" s="221" t="s">
        <v>222</v>
      </c>
      <c r="C60" s="109">
        <v>6175125</v>
      </c>
      <c r="D60" s="109">
        <v>0</v>
      </c>
      <c r="E60" s="109">
        <f t="shared" si="5"/>
        <v>6175125</v>
      </c>
      <c r="F60" s="109">
        <v>2762674</v>
      </c>
      <c r="G60" s="109">
        <f t="shared" si="6"/>
        <v>3412451</v>
      </c>
      <c r="H60" s="113">
        <f t="shared" si="0"/>
        <v>0.44738754276229226</v>
      </c>
      <c r="I60" s="153"/>
    </row>
    <row r="61" spans="1:9" ht="18" customHeight="1" x14ac:dyDescent="0.2">
      <c r="A61" s="216">
        <v>323</v>
      </c>
      <c r="B61" s="221" t="s">
        <v>158</v>
      </c>
      <c r="C61" s="109">
        <v>69047550</v>
      </c>
      <c r="D61" s="109">
        <v>965760</v>
      </c>
      <c r="E61" s="109">
        <f t="shared" si="5"/>
        <v>70013310</v>
      </c>
      <c r="F61" s="109">
        <v>2896200</v>
      </c>
      <c r="G61" s="109">
        <f t="shared" si="6"/>
        <v>67117110</v>
      </c>
      <c r="H61" s="113">
        <f t="shared" si="0"/>
        <v>4.136642018496197E-2</v>
      </c>
      <c r="I61" s="153"/>
    </row>
    <row r="62" spans="1:9" ht="18" customHeight="1" x14ac:dyDescent="0.2">
      <c r="A62" s="216">
        <v>324</v>
      </c>
      <c r="B62" s="221" t="s">
        <v>223</v>
      </c>
      <c r="C62" s="109">
        <v>7186529</v>
      </c>
      <c r="D62" s="138">
        <v>7842200</v>
      </c>
      <c r="E62" s="109">
        <f t="shared" si="5"/>
        <v>15028729</v>
      </c>
      <c r="F62" s="109">
        <v>0</v>
      </c>
      <c r="G62" s="109">
        <f t="shared" si="6"/>
        <v>15028729</v>
      </c>
      <c r="H62" s="113">
        <f t="shared" si="0"/>
        <v>0</v>
      </c>
      <c r="I62" s="153"/>
    </row>
    <row r="63" spans="1:9" ht="18" customHeight="1" x14ac:dyDescent="0.2">
      <c r="A63" s="216">
        <v>331</v>
      </c>
      <c r="B63" s="221" t="s">
        <v>141</v>
      </c>
      <c r="C63" s="109">
        <v>1597773365</v>
      </c>
      <c r="D63" s="138">
        <v>790380249</v>
      </c>
      <c r="E63" s="109">
        <f t="shared" si="5"/>
        <v>2388153614</v>
      </c>
      <c r="F63" s="109">
        <v>462366627</v>
      </c>
      <c r="G63" s="109">
        <f t="shared" si="6"/>
        <v>1925786987</v>
      </c>
      <c r="H63" s="113">
        <f t="shared" si="0"/>
        <v>0.19360841123849079</v>
      </c>
      <c r="I63" s="153"/>
    </row>
    <row r="64" spans="1:9" ht="18" customHeight="1" x14ac:dyDescent="0.2">
      <c r="A64" s="216">
        <v>333</v>
      </c>
      <c r="B64" s="221" t="s">
        <v>142</v>
      </c>
      <c r="C64" s="109">
        <v>90922738</v>
      </c>
      <c r="D64" s="138">
        <v>156184499</v>
      </c>
      <c r="E64" s="109">
        <f t="shared" si="5"/>
        <v>247107237</v>
      </c>
      <c r="F64" s="109">
        <v>26576000</v>
      </c>
      <c r="G64" s="109">
        <f t="shared" si="6"/>
        <v>220531237</v>
      </c>
      <c r="H64" s="113">
        <f t="shared" si="0"/>
        <v>0.10754844869233839</v>
      </c>
      <c r="I64" s="153"/>
    </row>
    <row r="65" spans="1:10" ht="18" customHeight="1" x14ac:dyDescent="0.2">
      <c r="A65" s="222">
        <v>334</v>
      </c>
      <c r="B65" s="221" t="s">
        <v>191</v>
      </c>
      <c r="C65" s="109">
        <v>140428851</v>
      </c>
      <c r="D65" s="98">
        <v>100406778</v>
      </c>
      <c r="E65" s="129">
        <f t="shared" si="5"/>
        <v>240835629</v>
      </c>
      <c r="F65" s="129">
        <v>27228500</v>
      </c>
      <c r="G65" s="129">
        <f t="shared" si="6"/>
        <v>213607129</v>
      </c>
      <c r="H65" s="113">
        <f t="shared" si="0"/>
        <v>0.11305843787756172</v>
      </c>
      <c r="I65" s="153"/>
    </row>
    <row r="66" spans="1:10" ht="18" customHeight="1" x14ac:dyDescent="0.2">
      <c r="A66" s="222">
        <v>335</v>
      </c>
      <c r="B66" s="221" t="s">
        <v>203</v>
      </c>
      <c r="C66" s="109">
        <v>1188000</v>
      </c>
      <c r="D66" s="98">
        <v>-1188000</v>
      </c>
      <c r="E66" s="129">
        <f t="shared" si="5"/>
        <v>0</v>
      </c>
      <c r="F66" s="129">
        <v>0</v>
      </c>
      <c r="G66" s="129">
        <f t="shared" si="6"/>
        <v>0</v>
      </c>
      <c r="H66" s="113">
        <f t="shared" si="0"/>
        <v>1</v>
      </c>
      <c r="I66" s="153"/>
    </row>
    <row r="67" spans="1:10" ht="18" customHeight="1" x14ac:dyDescent="0.2">
      <c r="A67" s="222">
        <v>336</v>
      </c>
      <c r="B67" s="221" t="s">
        <v>219</v>
      </c>
      <c r="C67" s="109">
        <v>0</v>
      </c>
      <c r="D67" s="98">
        <v>397272334</v>
      </c>
      <c r="E67" s="129">
        <f t="shared" si="5"/>
        <v>397272334</v>
      </c>
      <c r="F67" s="129">
        <v>0</v>
      </c>
      <c r="G67" s="129">
        <f t="shared" si="6"/>
        <v>397272334</v>
      </c>
      <c r="H67" s="113">
        <f t="shared" si="0"/>
        <v>0</v>
      </c>
      <c r="I67" s="153"/>
    </row>
    <row r="68" spans="1:10" ht="18" customHeight="1" x14ac:dyDescent="0.2">
      <c r="A68" s="222">
        <v>341</v>
      </c>
      <c r="B68" s="221" t="s">
        <v>143</v>
      </c>
      <c r="C68" s="109">
        <v>898264222</v>
      </c>
      <c r="D68" s="98">
        <v>-90953051</v>
      </c>
      <c r="E68" s="129">
        <f t="shared" si="5"/>
        <v>807311171</v>
      </c>
      <c r="F68" s="129">
        <v>77832890</v>
      </c>
      <c r="G68" s="129">
        <f t="shared" si="6"/>
        <v>729478281</v>
      </c>
      <c r="H68" s="113">
        <f t="shared" si="0"/>
        <v>9.6410024778413483E-2</v>
      </c>
      <c r="I68" s="153"/>
    </row>
    <row r="69" spans="1:10" ht="18" customHeight="1" x14ac:dyDescent="0.2">
      <c r="A69" s="222">
        <v>342</v>
      </c>
      <c r="B69" s="221" t="s">
        <v>144</v>
      </c>
      <c r="C69" s="109">
        <v>6400381675</v>
      </c>
      <c r="D69" s="98">
        <v>-118804320</v>
      </c>
      <c r="E69" s="129">
        <f t="shared" si="5"/>
        <v>6281577355</v>
      </c>
      <c r="F69" s="129">
        <v>1324641600</v>
      </c>
      <c r="G69" s="129">
        <f t="shared" si="6"/>
        <v>4956935755</v>
      </c>
      <c r="H69" s="113">
        <f t="shared" si="0"/>
        <v>0.21087722480176319</v>
      </c>
      <c r="I69" s="153"/>
    </row>
    <row r="70" spans="1:10" ht="18" customHeight="1" x14ac:dyDescent="0.2">
      <c r="A70" s="222">
        <v>343</v>
      </c>
      <c r="B70" s="221" t="s">
        <v>217</v>
      </c>
      <c r="C70" s="109">
        <v>864472977</v>
      </c>
      <c r="D70" s="98">
        <v>111339672</v>
      </c>
      <c r="E70" s="129">
        <f t="shared" si="5"/>
        <v>975812649</v>
      </c>
      <c r="F70" s="129">
        <v>305866763</v>
      </c>
      <c r="G70" s="129">
        <f t="shared" si="6"/>
        <v>669945886</v>
      </c>
      <c r="H70" s="113">
        <f t="shared" si="0"/>
        <v>0.31344824574004881</v>
      </c>
      <c r="I70" s="153"/>
    </row>
    <row r="71" spans="1:10" ht="18" customHeight="1" x14ac:dyDescent="0.2">
      <c r="A71" s="222">
        <v>344</v>
      </c>
      <c r="B71" s="221" t="s">
        <v>183</v>
      </c>
      <c r="C71" s="109">
        <v>5563800</v>
      </c>
      <c r="D71" s="98">
        <v>2000000</v>
      </c>
      <c r="E71" s="129">
        <f t="shared" si="5"/>
        <v>7563800</v>
      </c>
      <c r="F71" s="129">
        <v>551800</v>
      </c>
      <c r="G71" s="129">
        <f t="shared" si="6"/>
        <v>7012000</v>
      </c>
      <c r="H71" s="113">
        <f t="shared" si="0"/>
        <v>7.2952748618419314E-2</v>
      </c>
      <c r="I71" s="153"/>
    </row>
    <row r="72" spans="1:10" ht="18" customHeight="1" x14ac:dyDescent="0.2">
      <c r="A72" s="216">
        <v>345</v>
      </c>
      <c r="B72" s="221" t="s">
        <v>171</v>
      </c>
      <c r="C72" s="109">
        <v>1089000</v>
      </c>
      <c r="D72" s="138">
        <v>2102950</v>
      </c>
      <c r="E72" s="109">
        <f t="shared" si="5"/>
        <v>3191950</v>
      </c>
      <c r="F72" s="109">
        <v>925000</v>
      </c>
      <c r="G72" s="109">
        <f t="shared" si="6"/>
        <v>2266950</v>
      </c>
      <c r="H72" s="113">
        <f t="shared" si="0"/>
        <v>0.28979150675919108</v>
      </c>
      <c r="I72" s="153"/>
    </row>
    <row r="73" spans="1:10" ht="18" customHeight="1" x14ac:dyDescent="0.2">
      <c r="A73" s="216">
        <v>346</v>
      </c>
      <c r="B73" s="221" t="s">
        <v>145</v>
      </c>
      <c r="C73" s="109">
        <v>920933402</v>
      </c>
      <c r="D73" s="138">
        <v>-31886401</v>
      </c>
      <c r="E73" s="109">
        <f t="shared" si="5"/>
        <v>889047001</v>
      </c>
      <c r="F73" s="109">
        <v>181634876</v>
      </c>
      <c r="G73" s="109">
        <f t="shared" si="6"/>
        <v>707412125</v>
      </c>
      <c r="H73" s="113">
        <f t="shared" ref="H73:H125" si="7">+IF(E73=0,1,F73/E73)</f>
        <v>0.20430289489273021</v>
      </c>
      <c r="I73" s="153"/>
    </row>
    <row r="74" spans="1:10" ht="18" customHeight="1" x14ac:dyDescent="0.2">
      <c r="A74" s="216">
        <v>347</v>
      </c>
      <c r="B74" s="217" t="s">
        <v>146</v>
      </c>
      <c r="C74" s="109">
        <v>60390000</v>
      </c>
      <c r="D74" s="138">
        <v>90129069</v>
      </c>
      <c r="E74" s="109">
        <f t="shared" si="5"/>
        <v>150519069</v>
      </c>
      <c r="F74" s="109">
        <v>0</v>
      </c>
      <c r="G74" s="109">
        <f t="shared" si="6"/>
        <v>150519069</v>
      </c>
      <c r="H74" s="113">
        <f t="shared" si="7"/>
        <v>0</v>
      </c>
      <c r="I74" s="153"/>
    </row>
    <row r="75" spans="1:10" ht="18" customHeight="1" x14ac:dyDescent="0.2">
      <c r="A75" s="216">
        <v>351</v>
      </c>
      <c r="B75" s="217" t="s">
        <v>147</v>
      </c>
      <c r="C75" s="109">
        <v>269546750</v>
      </c>
      <c r="D75" s="138">
        <v>40417596</v>
      </c>
      <c r="E75" s="109">
        <f t="shared" si="5"/>
        <v>309964346</v>
      </c>
      <c r="F75" s="109">
        <v>72864200</v>
      </c>
      <c r="G75" s="109">
        <f t="shared" si="6"/>
        <v>237100146</v>
      </c>
      <c r="H75" s="113">
        <f t="shared" si="7"/>
        <v>0.23507284286173999</v>
      </c>
      <c r="I75" s="153"/>
    </row>
    <row r="76" spans="1:10" ht="18" customHeight="1" x14ac:dyDescent="0.2">
      <c r="A76" s="216">
        <v>352</v>
      </c>
      <c r="B76" s="217" t="s">
        <v>172</v>
      </c>
      <c r="C76" s="109">
        <v>51408700</v>
      </c>
      <c r="D76" s="138">
        <v>5146800</v>
      </c>
      <c r="E76" s="109">
        <f t="shared" si="5"/>
        <v>56555500</v>
      </c>
      <c r="F76" s="109">
        <v>767200</v>
      </c>
      <c r="G76" s="109">
        <f t="shared" si="6"/>
        <v>55788300</v>
      </c>
      <c r="H76" s="113">
        <f t="shared" si="7"/>
        <v>1.3565435722431947E-2</v>
      </c>
      <c r="I76" s="153"/>
    </row>
    <row r="77" spans="1:10" ht="18" customHeight="1" x14ac:dyDescent="0.2">
      <c r="A77" s="216">
        <v>353</v>
      </c>
      <c r="B77" s="217" t="s">
        <v>212</v>
      </c>
      <c r="C77" s="109">
        <v>500000</v>
      </c>
      <c r="D77" s="109">
        <v>0</v>
      </c>
      <c r="E77" s="109">
        <f t="shared" si="5"/>
        <v>500000</v>
      </c>
      <c r="F77" s="109">
        <v>0</v>
      </c>
      <c r="G77" s="109">
        <f t="shared" si="6"/>
        <v>500000</v>
      </c>
      <c r="H77" s="113">
        <f t="shared" si="7"/>
        <v>0</v>
      </c>
      <c r="I77" s="153"/>
    </row>
    <row r="78" spans="1:10" ht="18" customHeight="1" x14ac:dyDescent="0.2">
      <c r="A78" s="216">
        <v>354</v>
      </c>
      <c r="B78" s="217" t="s">
        <v>173</v>
      </c>
      <c r="C78" s="109">
        <v>37107100</v>
      </c>
      <c r="D78" s="109">
        <v>0</v>
      </c>
      <c r="E78" s="109">
        <f t="shared" si="5"/>
        <v>37107100</v>
      </c>
      <c r="F78" s="109">
        <v>2822100</v>
      </c>
      <c r="G78" s="109">
        <f t="shared" si="6"/>
        <v>34285000</v>
      </c>
      <c r="H78" s="113">
        <f t="shared" si="7"/>
        <v>7.6052830859862391E-2</v>
      </c>
      <c r="I78" s="153"/>
    </row>
    <row r="79" spans="1:10" ht="18" customHeight="1" x14ac:dyDescent="0.2">
      <c r="A79" s="223">
        <v>355</v>
      </c>
      <c r="B79" s="224" t="s">
        <v>174</v>
      </c>
      <c r="C79" s="138">
        <v>90518960</v>
      </c>
      <c r="D79" s="138">
        <v>49534807</v>
      </c>
      <c r="E79" s="138">
        <f t="shared" si="5"/>
        <v>140053767</v>
      </c>
      <c r="F79" s="138">
        <v>32446765</v>
      </c>
      <c r="G79" s="138">
        <f t="shared" si="6"/>
        <v>107607002</v>
      </c>
      <c r="H79" s="179">
        <f t="shared" si="7"/>
        <v>0.231673632884148</v>
      </c>
      <c r="I79" s="180"/>
      <c r="J79" s="180"/>
    </row>
    <row r="80" spans="1:10" ht="18" customHeight="1" x14ac:dyDescent="0.2">
      <c r="A80" s="216">
        <v>357</v>
      </c>
      <c r="B80" s="217" t="s">
        <v>192</v>
      </c>
      <c r="C80" s="109">
        <v>1000000</v>
      </c>
      <c r="D80" s="109">
        <v>0</v>
      </c>
      <c r="E80" s="109">
        <f t="shared" si="5"/>
        <v>1000000</v>
      </c>
      <c r="F80" s="109">
        <v>0</v>
      </c>
      <c r="G80" s="109">
        <f t="shared" si="6"/>
        <v>1000000</v>
      </c>
      <c r="H80" s="113">
        <f t="shared" si="7"/>
        <v>0</v>
      </c>
      <c r="I80" s="153"/>
    </row>
    <row r="81" spans="1:9" ht="18" customHeight="1" x14ac:dyDescent="0.2">
      <c r="A81" s="216">
        <v>358</v>
      </c>
      <c r="B81" s="217" t="s">
        <v>193</v>
      </c>
      <c r="C81" s="109">
        <v>49123394</v>
      </c>
      <c r="D81" s="109">
        <v>30370000</v>
      </c>
      <c r="E81" s="109">
        <f t="shared" si="5"/>
        <v>79493394</v>
      </c>
      <c r="F81" s="109">
        <v>36631276</v>
      </c>
      <c r="G81" s="109">
        <f t="shared" si="6"/>
        <v>42862118</v>
      </c>
      <c r="H81" s="113">
        <f t="shared" si="7"/>
        <v>0.46080905791995747</v>
      </c>
      <c r="I81" s="153"/>
    </row>
    <row r="82" spans="1:9" ht="18" customHeight="1" x14ac:dyDescent="0.2">
      <c r="A82" s="216">
        <v>361</v>
      </c>
      <c r="B82" s="217" t="s">
        <v>148</v>
      </c>
      <c r="C82" s="109">
        <v>4338642050</v>
      </c>
      <c r="D82" s="109">
        <v>31719681</v>
      </c>
      <c r="E82" s="109">
        <f t="shared" si="5"/>
        <v>4370361731</v>
      </c>
      <c r="F82" s="109">
        <v>1426283775</v>
      </c>
      <c r="G82" s="109">
        <f t="shared" si="6"/>
        <v>2944077956</v>
      </c>
      <c r="H82" s="113">
        <f t="shared" si="7"/>
        <v>0.32635371229869486</v>
      </c>
      <c r="I82" s="153"/>
    </row>
    <row r="83" spans="1:9" ht="18" customHeight="1" x14ac:dyDescent="0.2">
      <c r="A83" s="216">
        <v>362</v>
      </c>
      <c r="B83" s="217" t="s">
        <v>149</v>
      </c>
      <c r="C83" s="109">
        <v>6937227</v>
      </c>
      <c r="D83" s="109">
        <v>0</v>
      </c>
      <c r="E83" s="109">
        <f t="shared" si="5"/>
        <v>6937227</v>
      </c>
      <c r="F83" s="109">
        <v>0</v>
      </c>
      <c r="G83" s="109">
        <f t="shared" si="6"/>
        <v>6937227</v>
      </c>
      <c r="H83" s="113">
        <f t="shared" si="7"/>
        <v>0</v>
      </c>
      <c r="I83" s="153"/>
    </row>
    <row r="84" spans="1:9" ht="18" customHeight="1" x14ac:dyDescent="0.2">
      <c r="A84" s="216">
        <v>391</v>
      </c>
      <c r="B84" s="217" t="s">
        <v>150</v>
      </c>
      <c r="C84" s="109">
        <v>125000222</v>
      </c>
      <c r="D84" s="109">
        <v>4390380</v>
      </c>
      <c r="E84" s="109">
        <f t="shared" si="5"/>
        <v>129390602</v>
      </c>
      <c r="F84" s="109">
        <v>30207920</v>
      </c>
      <c r="G84" s="109">
        <f t="shared" si="6"/>
        <v>99182682</v>
      </c>
      <c r="H84" s="113">
        <f t="shared" si="7"/>
        <v>0.23346301457040905</v>
      </c>
      <c r="I84" s="153"/>
    </row>
    <row r="85" spans="1:9" ht="18" customHeight="1" x14ac:dyDescent="0.2">
      <c r="A85" s="216">
        <v>392</v>
      </c>
      <c r="B85" s="217" t="s">
        <v>151</v>
      </c>
      <c r="C85" s="109">
        <v>67380881</v>
      </c>
      <c r="D85" s="109">
        <v>-25740000</v>
      </c>
      <c r="E85" s="109">
        <f t="shared" si="5"/>
        <v>41640881</v>
      </c>
      <c r="F85" s="109">
        <v>0</v>
      </c>
      <c r="G85" s="109">
        <f t="shared" si="6"/>
        <v>41640881</v>
      </c>
      <c r="H85" s="113">
        <f t="shared" si="7"/>
        <v>0</v>
      </c>
      <c r="I85" s="153"/>
    </row>
    <row r="86" spans="1:9" ht="18" customHeight="1" x14ac:dyDescent="0.2">
      <c r="A86" s="216">
        <v>393</v>
      </c>
      <c r="B86" s="217" t="s">
        <v>152</v>
      </c>
      <c r="C86" s="109">
        <v>742500</v>
      </c>
      <c r="D86" s="109">
        <v>0</v>
      </c>
      <c r="E86" s="109">
        <f t="shared" si="5"/>
        <v>742500</v>
      </c>
      <c r="F86" s="109">
        <v>0</v>
      </c>
      <c r="G86" s="109">
        <f t="shared" si="6"/>
        <v>742500</v>
      </c>
      <c r="H86" s="113">
        <f t="shared" si="7"/>
        <v>0</v>
      </c>
      <c r="I86" s="153"/>
    </row>
    <row r="87" spans="1:9" ht="18" customHeight="1" x14ac:dyDescent="0.2">
      <c r="A87" s="216">
        <v>394</v>
      </c>
      <c r="B87" s="217" t="s">
        <v>153</v>
      </c>
      <c r="C87" s="109">
        <v>130855131</v>
      </c>
      <c r="D87" s="109">
        <v>19080952</v>
      </c>
      <c r="E87" s="109">
        <f t="shared" si="5"/>
        <v>149936083</v>
      </c>
      <c r="F87" s="109">
        <v>40928493</v>
      </c>
      <c r="G87" s="109">
        <f t="shared" si="6"/>
        <v>109007590</v>
      </c>
      <c r="H87" s="113">
        <f t="shared" si="7"/>
        <v>0.27297293740826883</v>
      </c>
      <c r="I87" s="153"/>
    </row>
    <row r="88" spans="1:9" ht="18" customHeight="1" x14ac:dyDescent="0.2">
      <c r="A88" s="216">
        <v>395</v>
      </c>
      <c r="B88" s="217" t="s">
        <v>175</v>
      </c>
      <c r="C88" s="109">
        <v>499264920</v>
      </c>
      <c r="D88" s="109">
        <v>0</v>
      </c>
      <c r="E88" s="109">
        <f t="shared" si="5"/>
        <v>499264920</v>
      </c>
      <c r="F88" s="109">
        <v>100000</v>
      </c>
      <c r="G88" s="109">
        <f t="shared" si="6"/>
        <v>499164920</v>
      </c>
      <c r="H88" s="113">
        <f t="shared" si="7"/>
        <v>2.0029446491053287E-4</v>
      </c>
      <c r="I88" s="153"/>
    </row>
    <row r="89" spans="1:9" ht="18" customHeight="1" x14ac:dyDescent="0.2">
      <c r="A89" s="216">
        <v>396</v>
      </c>
      <c r="B89" s="217" t="s">
        <v>194</v>
      </c>
      <c r="C89" s="109">
        <v>10692000</v>
      </c>
      <c r="D89" s="109">
        <v>26745700</v>
      </c>
      <c r="E89" s="109">
        <f t="shared" si="5"/>
        <v>37437700</v>
      </c>
      <c r="F89" s="109">
        <v>1778456</v>
      </c>
      <c r="G89" s="109">
        <f t="shared" si="6"/>
        <v>35659244</v>
      </c>
      <c r="H89" s="113">
        <f t="shared" si="7"/>
        <v>4.7504413999791655E-2</v>
      </c>
      <c r="I89" s="153"/>
    </row>
    <row r="90" spans="1:9" ht="18" customHeight="1" x14ac:dyDescent="0.2">
      <c r="A90" s="216">
        <v>397</v>
      </c>
      <c r="B90" s="217" t="s">
        <v>195</v>
      </c>
      <c r="C90" s="109">
        <v>108371130</v>
      </c>
      <c r="D90" s="109">
        <v>39375196</v>
      </c>
      <c r="E90" s="109">
        <f t="shared" si="5"/>
        <v>147746326</v>
      </c>
      <c r="F90" s="109">
        <v>39747270</v>
      </c>
      <c r="G90" s="109">
        <f t="shared" si="6"/>
        <v>107999056</v>
      </c>
      <c r="H90" s="113">
        <f t="shared" si="7"/>
        <v>0.26902374547032731</v>
      </c>
      <c r="I90" s="153"/>
    </row>
    <row r="91" spans="1:9" ht="18" customHeight="1" x14ac:dyDescent="0.2">
      <c r="A91" s="216">
        <v>398</v>
      </c>
      <c r="B91" s="217" t="s">
        <v>184</v>
      </c>
      <c r="C91" s="109">
        <v>20295000</v>
      </c>
      <c r="D91" s="109">
        <v>4828266</v>
      </c>
      <c r="E91" s="109">
        <f t="shared" si="5"/>
        <v>25123266</v>
      </c>
      <c r="F91" s="109">
        <v>3359010</v>
      </c>
      <c r="G91" s="109">
        <f t="shared" si="6"/>
        <v>21764256</v>
      </c>
      <c r="H91" s="113">
        <f t="shared" si="7"/>
        <v>0.13370116767461682</v>
      </c>
      <c r="I91" s="153"/>
    </row>
    <row r="92" spans="1:9" ht="18" customHeight="1" x14ac:dyDescent="0.2">
      <c r="A92" s="216">
        <v>399</v>
      </c>
      <c r="B92" s="217" t="s">
        <v>154</v>
      </c>
      <c r="C92" s="109">
        <v>66240900</v>
      </c>
      <c r="D92" s="109">
        <v>55220169</v>
      </c>
      <c r="E92" s="109">
        <f t="shared" si="5"/>
        <v>121461069</v>
      </c>
      <c r="F92" s="109">
        <v>13180342</v>
      </c>
      <c r="G92" s="109">
        <f t="shared" si="6"/>
        <v>108280727</v>
      </c>
      <c r="H92" s="113">
        <f t="shared" si="7"/>
        <v>0.10851495140389388</v>
      </c>
      <c r="I92" s="153"/>
    </row>
    <row r="93" spans="1:9" ht="18" customHeight="1" x14ac:dyDescent="0.2">
      <c r="A93" s="212">
        <v>500</v>
      </c>
      <c r="B93" s="213" t="s">
        <v>58</v>
      </c>
      <c r="C93" s="107">
        <f>SUM(C94:C111)</f>
        <v>181586418373</v>
      </c>
      <c r="D93" s="107">
        <f>SUM(D94:D111)</f>
        <v>-856241341</v>
      </c>
      <c r="E93" s="107">
        <f>SUM(E94:E111)</f>
        <v>180730177032</v>
      </c>
      <c r="F93" s="107">
        <f>SUM(F94:F111)</f>
        <v>42898483883</v>
      </c>
      <c r="G93" s="107">
        <f>SUM(G94:G111)</f>
        <v>137831693149</v>
      </c>
      <c r="H93" s="137">
        <f t="shared" si="7"/>
        <v>0.23736204206453257</v>
      </c>
      <c r="I93" s="137"/>
    </row>
    <row r="94" spans="1:9" ht="18" customHeight="1" x14ac:dyDescent="0.2">
      <c r="A94" s="216">
        <v>511</v>
      </c>
      <c r="B94" s="217" t="s">
        <v>213</v>
      </c>
      <c r="C94" s="109">
        <v>0</v>
      </c>
      <c r="D94" s="109">
        <v>0</v>
      </c>
      <c r="E94" s="109">
        <f t="shared" ref="E94:E111" si="8">C94+D94</f>
        <v>0</v>
      </c>
      <c r="F94" s="109">
        <v>0</v>
      </c>
      <c r="G94" s="109">
        <f t="shared" ref="G94:G111" si="9">E94-F94</f>
        <v>0</v>
      </c>
      <c r="H94" s="113">
        <f t="shared" si="7"/>
        <v>1</v>
      </c>
      <c r="I94" s="153"/>
    </row>
    <row r="95" spans="1:9" ht="18" customHeight="1" x14ac:dyDescent="0.2">
      <c r="A95" s="216">
        <v>522</v>
      </c>
      <c r="B95" s="217" t="s">
        <v>155</v>
      </c>
      <c r="C95" s="109">
        <v>117944256610</v>
      </c>
      <c r="D95" s="109">
        <v>1183593400</v>
      </c>
      <c r="E95" s="109">
        <f t="shared" si="8"/>
        <v>119127850010</v>
      </c>
      <c r="F95" s="109">
        <v>23124011062</v>
      </c>
      <c r="G95" s="109">
        <f t="shared" si="9"/>
        <v>96003838948</v>
      </c>
      <c r="H95" s="113">
        <f t="shared" si="7"/>
        <v>0.19411087382219097</v>
      </c>
      <c r="I95" s="153"/>
    </row>
    <row r="96" spans="1:9" ht="18" customHeight="1" x14ac:dyDescent="0.2">
      <c r="A96" s="216">
        <v>526</v>
      </c>
      <c r="B96" s="217" t="s">
        <v>221</v>
      </c>
      <c r="C96" s="109">
        <v>52000000</v>
      </c>
      <c r="D96" s="109">
        <v>0</v>
      </c>
      <c r="E96" s="109">
        <f t="shared" si="8"/>
        <v>52000000</v>
      </c>
      <c r="F96" s="109">
        <v>0</v>
      </c>
      <c r="G96" s="109">
        <f t="shared" si="9"/>
        <v>52000000</v>
      </c>
      <c r="H96" s="113">
        <f t="shared" si="7"/>
        <v>0</v>
      </c>
      <c r="I96" s="153"/>
    </row>
    <row r="97" spans="1:9" ht="18" customHeight="1" x14ac:dyDescent="0.2">
      <c r="A97" s="216">
        <v>532</v>
      </c>
      <c r="B97" s="217" t="s">
        <v>204</v>
      </c>
      <c r="C97" s="109">
        <v>0</v>
      </c>
      <c r="D97" s="109">
        <v>70000000</v>
      </c>
      <c r="E97" s="109">
        <f t="shared" si="8"/>
        <v>70000000</v>
      </c>
      <c r="F97" s="109">
        <v>0</v>
      </c>
      <c r="G97" s="109">
        <f t="shared" si="9"/>
        <v>70000000</v>
      </c>
      <c r="H97" s="113">
        <f t="shared" si="7"/>
        <v>0</v>
      </c>
      <c r="I97" s="153"/>
    </row>
    <row r="98" spans="1:9" ht="18" customHeight="1" x14ac:dyDescent="0.2">
      <c r="A98" s="216">
        <v>533</v>
      </c>
      <c r="B98" s="217" t="s">
        <v>205</v>
      </c>
      <c r="C98" s="109">
        <v>150000000</v>
      </c>
      <c r="D98" s="109">
        <v>483000000</v>
      </c>
      <c r="E98" s="109">
        <f t="shared" si="8"/>
        <v>633000000</v>
      </c>
      <c r="F98" s="109">
        <v>0</v>
      </c>
      <c r="G98" s="109">
        <f t="shared" si="9"/>
        <v>633000000</v>
      </c>
      <c r="H98" s="113">
        <f t="shared" si="7"/>
        <v>0</v>
      </c>
      <c r="I98" s="153"/>
    </row>
    <row r="99" spans="1:9" ht="18" customHeight="1" x14ac:dyDescent="0.2">
      <c r="A99" s="216">
        <v>534</v>
      </c>
      <c r="B99" s="217" t="s">
        <v>206</v>
      </c>
      <c r="C99" s="109">
        <v>0</v>
      </c>
      <c r="D99" s="109">
        <v>37701000</v>
      </c>
      <c r="E99" s="109">
        <f t="shared" si="8"/>
        <v>37701000</v>
      </c>
      <c r="F99" s="109">
        <v>12576000</v>
      </c>
      <c r="G99" s="109">
        <f t="shared" si="9"/>
        <v>25125000</v>
      </c>
      <c r="H99" s="113">
        <f t="shared" si="7"/>
        <v>0.33357205379167659</v>
      </c>
      <c r="I99" s="153"/>
    </row>
    <row r="100" spans="1:9" ht="18" customHeight="1" x14ac:dyDescent="0.2">
      <c r="A100" s="216">
        <v>535</v>
      </c>
      <c r="B100" s="217" t="s">
        <v>200</v>
      </c>
      <c r="C100" s="109">
        <v>31300000</v>
      </c>
      <c r="D100" s="109">
        <v>88990000</v>
      </c>
      <c r="E100" s="109">
        <f t="shared" si="8"/>
        <v>120290000</v>
      </c>
      <c r="F100" s="109">
        <v>34250000</v>
      </c>
      <c r="G100" s="109">
        <f t="shared" si="9"/>
        <v>86040000</v>
      </c>
      <c r="H100" s="113">
        <f t="shared" si="7"/>
        <v>0.28472857261617757</v>
      </c>
      <c r="I100" s="153"/>
    </row>
    <row r="101" spans="1:9" ht="18" customHeight="1" x14ac:dyDescent="0.2">
      <c r="A101" s="216">
        <v>536</v>
      </c>
      <c r="B101" s="217" t="s">
        <v>176</v>
      </c>
      <c r="C101" s="109">
        <v>1589430000</v>
      </c>
      <c r="D101" s="109">
        <v>-28500000</v>
      </c>
      <c r="E101" s="109">
        <f t="shared" si="8"/>
        <v>1560930000</v>
      </c>
      <c r="F101" s="109">
        <v>4000000</v>
      </c>
      <c r="G101" s="109">
        <f t="shared" si="9"/>
        <v>1556930000</v>
      </c>
      <c r="H101" s="113">
        <f t="shared" si="7"/>
        <v>2.5625748752346358E-3</v>
      </c>
      <c r="I101" s="153"/>
    </row>
    <row r="102" spans="1:9" ht="18" customHeight="1" x14ac:dyDescent="0.2">
      <c r="A102" s="216">
        <v>537</v>
      </c>
      <c r="B102" s="217" t="s">
        <v>207</v>
      </c>
      <c r="C102" s="109">
        <v>4080000000</v>
      </c>
      <c r="D102" s="109">
        <v>1361500000</v>
      </c>
      <c r="E102" s="109">
        <f t="shared" si="8"/>
        <v>5441500000</v>
      </c>
      <c r="F102" s="109">
        <v>5161500000</v>
      </c>
      <c r="G102" s="109">
        <f t="shared" si="9"/>
        <v>280000000</v>
      </c>
      <c r="H102" s="113">
        <f t="shared" si="7"/>
        <v>0.94854360011026373</v>
      </c>
      <c r="I102" s="153"/>
    </row>
    <row r="103" spans="1:9" ht="18" customHeight="1" x14ac:dyDescent="0.2">
      <c r="A103" s="216">
        <v>538</v>
      </c>
      <c r="B103" s="217" t="s">
        <v>201</v>
      </c>
      <c r="C103" s="109">
        <v>3837670398</v>
      </c>
      <c r="D103" s="109">
        <v>21510161</v>
      </c>
      <c r="E103" s="109">
        <f t="shared" si="8"/>
        <v>3859180559</v>
      </c>
      <c r="F103" s="109">
        <v>528193736</v>
      </c>
      <c r="G103" s="109">
        <f t="shared" si="9"/>
        <v>3330986823</v>
      </c>
      <c r="H103" s="113">
        <f t="shared" si="7"/>
        <v>0.13686681095244396</v>
      </c>
      <c r="I103" s="153"/>
    </row>
    <row r="104" spans="1:9" ht="18" customHeight="1" x14ac:dyDescent="0.2">
      <c r="A104" s="216">
        <v>541</v>
      </c>
      <c r="B104" s="217" t="s">
        <v>156</v>
      </c>
      <c r="C104" s="109">
        <v>12899561917</v>
      </c>
      <c r="D104" s="109">
        <v>-975387258</v>
      </c>
      <c r="E104" s="109">
        <f t="shared" si="8"/>
        <v>11924174659</v>
      </c>
      <c r="F104" s="109">
        <v>1600027864</v>
      </c>
      <c r="G104" s="109">
        <f t="shared" si="9"/>
        <v>10324146795</v>
      </c>
      <c r="H104" s="113">
        <f t="shared" si="7"/>
        <v>0.13418353133500507</v>
      </c>
      <c r="I104" s="153"/>
    </row>
    <row r="105" spans="1:9" ht="18" customHeight="1" x14ac:dyDescent="0.2">
      <c r="A105" s="216">
        <v>542</v>
      </c>
      <c r="B105" s="217" t="s">
        <v>157</v>
      </c>
      <c r="C105" s="109">
        <v>3168942959</v>
      </c>
      <c r="D105" s="109">
        <v>-1296437732</v>
      </c>
      <c r="E105" s="109">
        <f t="shared" si="8"/>
        <v>1872505227</v>
      </c>
      <c r="F105" s="109">
        <v>295494747</v>
      </c>
      <c r="G105" s="109">
        <f t="shared" si="9"/>
        <v>1577010480</v>
      </c>
      <c r="H105" s="113">
        <f t="shared" si="7"/>
        <v>0.15780716803307487</v>
      </c>
      <c r="I105" s="153"/>
    </row>
    <row r="106" spans="1:9" ht="18" customHeight="1" x14ac:dyDescent="0.2">
      <c r="A106" s="216">
        <v>543</v>
      </c>
      <c r="B106" s="225" t="s">
        <v>196</v>
      </c>
      <c r="C106" s="109">
        <v>35369540488</v>
      </c>
      <c r="D106" s="109">
        <v>-5371543016</v>
      </c>
      <c r="E106" s="109">
        <f t="shared" si="8"/>
        <v>29997997472</v>
      </c>
      <c r="F106" s="109">
        <v>11210017074</v>
      </c>
      <c r="G106" s="109">
        <f t="shared" si="9"/>
        <v>18787980398</v>
      </c>
      <c r="H106" s="113">
        <f t="shared" si="7"/>
        <v>0.37369218010180116</v>
      </c>
      <c r="I106" s="153"/>
    </row>
    <row r="107" spans="1:9" ht="18" customHeight="1" x14ac:dyDescent="0.2">
      <c r="A107" s="216">
        <v>549</v>
      </c>
      <c r="B107" s="225" t="s">
        <v>249</v>
      </c>
      <c r="C107" s="109">
        <v>5000000</v>
      </c>
      <c r="D107" s="109">
        <v>-5000000</v>
      </c>
      <c r="E107" s="109">
        <f t="shared" si="8"/>
        <v>0</v>
      </c>
      <c r="F107" s="109">
        <v>0</v>
      </c>
      <c r="G107" s="109">
        <f t="shared" si="9"/>
        <v>0</v>
      </c>
      <c r="H107" s="113">
        <f t="shared" si="7"/>
        <v>1</v>
      </c>
      <c r="I107" s="153"/>
    </row>
    <row r="108" spans="1:9" ht="18" customHeight="1" x14ac:dyDescent="0.2">
      <c r="A108" s="216">
        <v>552</v>
      </c>
      <c r="B108" s="225" t="s">
        <v>208</v>
      </c>
      <c r="C108" s="109">
        <v>0</v>
      </c>
      <c r="D108" s="109">
        <v>654238400</v>
      </c>
      <c r="E108" s="109">
        <f t="shared" si="8"/>
        <v>654238400</v>
      </c>
      <c r="F108" s="109">
        <v>654238400</v>
      </c>
      <c r="G108" s="109">
        <f t="shared" si="9"/>
        <v>0</v>
      </c>
      <c r="H108" s="113">
        <f t="shared" si="7"/>
        <v>1</v>
      </c>
      <c r="I108" s="153"/>
    </row>
    <row r="109" spans="1:9" ht="18" customHeight="1" x14ac:dyDescent="0.2">
      <c r="A109" s="216">
        <v>579</v>
      </c>
      <c r="B109" s="225" t="s">
        <v>202</v>
      </c>
      <c r="C109" s="109">
        <v>2384804001</v>
      </c>
      <c r="D109" s="109">
        <v>2912155000</v>
      </c>
      <c r="E109" s="109">
        <f t="shared" si="8"/>
        <v>5296959001</v>
      </c>
      <c r="F109" s="109">
        <v>274175000</v>
      </c>
      <c r="G109" s="109">
        <f t="shared" si="9"/>
        <v>5022784001</v>
      </c>
      <c r="H109" s="113">
        <f t="shared" si="7"/>
        <v>5.1760831063302391E-2</v>
      </c>
      <c r="I109" s="153"/>
    </row>
    <row r="110" spans="1:9" ht="18" customHeight="1" x14ac:dyDescent="0.2">
      <c r="A110" s="216">
        <v>596</v>
      </c>
      <c r="B110" s="225" t="s">
        <v>177</v>
      </c>
      <c r="C110" s="109">
        <v>50000000</v>
      </c>
      <c r="D110" s="109">
        <v>7938704</v>
      </c>
      <c r="E110" s="109">
        <f t="shared" si="8"/>
        <v>57938704</v>
      </c>
      <c r="F110" s="109">
        <v>0</v>
      </c>
      <c r="G110" s="109">
        <f t="shared" si="9"/>
        <v>57938704</v>
      </c>
      <c r="H110" s="113">
        <f t="shared" si="7"/>
        <v>0</v>
      </c>
      <c r="I110" s="153"/>
    </row>
    <row r="111" spans="1:9" ht="18" customHeight="1" x14ac:dyDescent="0.2">
      <c r="A111" s="216">
        <v>597</v>
      </c>
      <c r="B111" s="225" t="s">
        <v>245</v>
      </c>
      <c r="C111" s="109">
        <v>23912000</v>
      </c>
      <c r="D111" s="109">
        <v>0</v>
      </c>
      <c r="E111" s="109">
        <f t="shared" si="8"/>
        <v>23912000</v>
      </c>
      <c r="F111" s="109">
        <v>0</v>
      </c>
      <c r="G111" s="109">
        <f t="shared" si="9"/>
        <v>23912000</v>
      </c>
      <c r="H111" s="113">
        <f t="shared" si="7"/>
        <v>0</v>
      </c>
      <c r="I111" s="153"/>
    </row>
    <row r="112" spans="1:9" ht="18" customHeight="1" x14ac:dyDescent="0.2">
      <c r="A112" s="212">
        <v>700</v>
      </c>
      <c r="B112" s="213" t="s">
        <v>117</v>
      </c>
      <c r="C112" s="107">
        <f>SUM(C113:C114)</f>
        <v>1040255121</v>
      </c>
      <c r="D112" s="107">
        <f>SUM(D113:D114)</f>
        <v>0</v>
      </c>
      <c r="E112" s="107">
        <f>SUM(E113:E114)</f>
        <v>1040255121</v>
      </c>
      <c r="F112" s="107">
        <f>SUM(F113:F114)</f>
        <v>847879479</v>
      </c>
      <c r="G112" s="107">
        <f>SUM(G113:G114)</f>
        <v>192375642</v>
      </c>
      <c r="H112" s="137">
        <f t="shared" si="7"/>
        <v>0.81506878638091318</v>
      </c>
      <c r="I112" s="137"/>
    </row>
    <row r="113" spans="1:10" ht="18" customHeight="1" x14ac:dyDescent="0.2">
      <c r="A113" s="214">
        <v>712</v>
      </c>
      <c r="B113" s="215" t="s">
        <v>197</v>
      </c>
      <c r="C113" s="109">
        <v>222513620</v>
      </c>
      <c r="D113" s="109">
        <v>0</v>
      </c>
      <c r="E113" s="109">
        <f t="shared" ref="E113:E114" si="10">C113+D113</f>
        <v>222513620</v>
      </c>
      <c r="F113" s="109">
        <v>167427597</v>
      </c>
      <c r="G113" s="109">
        <f t="shared" ref="G113:G114" si="11">E113-F113</f>
        <v>55086023</v>
      </c>
      <c r="H113" s="115">
        <f t="shared" si="7"/>
        <v>0.75243752270085762</v>
      </c>
      <c r="I113" s="153"/>
    </row>
    <row r="114" spans="1:10" ht="18" customHeight="1" x14ac:dyDescent="0.2">
      <c r="A114" s="216">
        <v>732</v>
      </c>
      <c r="B114" s="217" t="s">
        <v>178</v>
      </c>
      <c r="C114" s="109">
        <v>817741501</v>
      </c>
      <c r="D114" s="109">
        <v>0</v>
      </c>
      <c r="E114" s="109">
        <f t="shared" si="10"/>
        <v>817741501</v>
      </c>
      <c r="F114" s="109">
        <v>680451882</v>
      </c>
      <c r="G114" s="109">
        <f t="shared" si="11"/>
        <v>137289619</v>
      </c>
      <c r="H114" s="113">
        <f t="shared" si="7"/>
        <v>0.83211122484047684</v>
      </c>
      <c r="I114" s="153"/>
    </row>
    <row r="115" spans="1:10" ht="18" customHeight="1" x14ac:dyDescent="0.2">
      <c r="A115" s="212">
        <v>800</v>
      </c>
      <c r="B115" s="213" t="s">
        <v>59</v>
      </c>
      <c r="C115" s="107">
        <f>SUM(C116:C120)</f>
        <v>21694100000</v>
      </c>
      <c r="D115" s="107">
        <f>SUM(D116:D120)</f>
        <v>-225000000</v>
      </c>
      <c r="E115" s="107">
        <f>SUM(E116:E120)</f>
        <v>21469100000</v>
      </c>
      <c r="F115" s="107">
        <f>SUM(F116:F120)</f>
        <v>9350082102</v>
      </c>
      <c r="G115" s="107">
        <f>SUM(G116:G120)</f>
        <v>12119017898</v>
      </c>
      <c r="H115" s="137">
        <f t="shared" si="7"/>
        <v>0.4355134636291228</v>
      </c>
      <c r="I115" s="137"/>
    </row>
    <row r="116" spans="1:10" ht="18" customHeight="1" x14ac:dyDescent="0.2">
      <c r="A116" s="214">
        <v>841</v>
      </c>
      <c r="B116" s="215" t="s">
        <v>60</v>
      </c>
      <c r="C116" s="108">
        <v>501000000</v>
      </c>
      <c r="D116" s="109">
        <v>-225000000</v>
      </c>
      <c r="E116" s="109">
        <f t="shared" ref="E116:E120" si="12">C116+D116</f>
        <v>276000000</v>
      </c>
      <c r="F116" s="109">
        <v>0</v>
      </c>
      <c r="G116" s="109">
        <f t="shared" ref="G116:G120" si="13">E116-F116</f>
        <v>276000000</v>
      </c>
      <c r="H116" s="115">
        <f t="shared" si="7"/>
        <v>0</v>
      </c>
      <c r="I116" s="153"/>
    </row>
    <row r="117" spans="1:10" ht="18" customHeight="1" x14ac:dyDescent="0.2">
      <c r="A117" s="216">
        <v>842</v>
      </c>
      <c r="B117" s="217" t="s">
        <v>179</v>
      </c>
      <c r="C117" s="109">
        <v>683100000</v>
      </c>
      <c r="D117" s="109">
        <v>0</v>
      </c>
      <c r="E117" s="109">
        <f t="shared" si="12"/>
        <v>683100000</v>
      </c>
      <c r="F117" s="109">
        <v>322040000</v>
      </c>
      <c r="G117" s="109">
        <f t="shared" si="13"/>
        <v>361060000</v>
      </c>
      <c r="H117" s="113">
        <f t="shared" si="7"/>
        <v>0.47143902796076709</v>
      </c>
      <c r="I117" s="153"/>
    </row>
    <row r="118" spans="1:10" ht="18" hidden="1" customHeight="1" x14ac:dyDescent="0.2">
      <c r="A118" s="216">
        <v>845</v>
      </c>
      <c r="B118" s="217" t="s">
        <v>215</v>
      </c>
      <c r="C118" s="109">
        <v>0</v>
      </c>
      <c r="D118" s="109">
        <v>0</v>
      </c>
      <c r="E118" s="109">
        <f t="shared" si="12"/>
        <v>0</v>
      </c>
      <c r="F118" s="109">
        <v>0</v>
      </c>
      <c r="G118" s="109">
        <f t="shared" si="13"/>
        <v>0</v>
      </c>
      <c r="H118" s="113">
        <f t="shared" si="7"/>
        <v>1</v>
      </c>
      <c r="I118" s="153"/>
    </row>
    <row r="119" spans="1:10" ht="18" customHeight="1" x14ac:dyDescent="0.2">
      <c r="A119" s="216">
        <v>849</v>
      </c>
      <c r="B119" s="217" t="s">
        <v>198</v>
      </c>
      <c r="C119" s="109">
        <v>18000000000</v>
      </c>
      <c r="D119" s="109">
        <v>0</v>
      </c>
      <c r="E119" s="109">
        <f t="shared" si="12"/>
        <v>18000000000</v>
      </c>
      <c r="F119" s="109">
        <v>9023576102</v>
      </c>
      <c r="G119" s="109">
        <f t="shared" si="13"/>
        <v>8976423898</v>
      </c>
      <c r="H119" s="113">
        <f t="shared" si="7"/>
        <v>0.50130978344444443</v>
      </c>
      <c r="I119" s="153"/>
    </row>
    <row r="120" spans="1:10" ht="18" customHeight="1" x14ac:dyDescent="0.2">
      <c r="A120" s="226">
        <v>852</v>
      </c>
      <c r="B120" s="227" t="s">
        <v>180</v>
      </c>
      <c r="C120" s="139">
        <v>2510000000</v>
      </c>
      <c r="D120" s="109">
        <v>0</v>
      </c>
      <c r="E120" s="109">
        <f t="shared" si="12"/>
        <v>2510000000</v>
      </c>
      <c r="F120" s="109">
        <v>4466000</v>
      </c>
      <c r="G120" s="109">
        <f t="shared" si="13"/>
        <v>2505534000</v>
      </c>
      <c r="H120" s="114">
        <f t="shared" si="7"/>
        <v>1.7792828685258965E-3</v>
      </c>
      <c r="I120" s="153"/>
    </row>
    <row r="121" spans="1:10" ht="18" customHeight="1" x14ac:dyDescent="0.2">
      <c r="A121" s="212">
        <v>900</v>
      </c>
      <c r="B121" s="213" t="s">
        <v>61</v>
      </c>
      <c r="C121" s="107">
        <f>SUM(C122:C124)</f>
        <v>6139333100</v>
      </c>
      <c r="D121" s="107">
        <f>SUM(D122:D124)</f>
        <v>266681523</v>
      </c>
      <c r="E121" s="107">
        <f>SUM(E122:E124)</f>
        <v>6406014623</v>
      </c>
      <c r="F121" s="107">
        <f>SUM(F122:F124)</f>
        <v>2683860060</v>
      </c>
      <c r="G121" s="107">
        <f>SUM(G122:G124)</f>
        <v>3722154563</v>
      </c>
      <c r="H121" s="137">
        <f t="shared" si="7"/>
        <v>0.41895940267821646</v>
      </c>
      <c r="I121" s="137"/>
    </row>
    <row r="122" spans="1:10" ht="18" customHeight="1" x14ac:dyDescent="0.2">
      <c r="A122" s="214">
        <v>910</v>
      </c>
      <c r="B122" s="215" t="s">
        <v>118</v>
      </c>
      <c r="C122" s="108">
        <v>5539333100</v>
      </c>
      <c r="D122" s="129">
        <v>266681523</v>
      </c>
      <c r="E122" s="109">
        <f t="shared" ref="E122:E124" si="14">C122+D122</f>
        <v>5806014623</v>
      </c>
      <c r="F122" s="138">
        <v>2481332492</v>
      </c>
      <c r="G122" s="109">
        <f t="shared" ref="G122:G124" si="15">E122-F122</f>
        <v>3324682131</v>
      </c>
      <c r="H122" s="115">
        <f t="shared" si="7"/>
        <v>0.42737275965004057</v>
      </c>
      <c r="I122" s="153"/>
    </row>
    <row r="123" spans="1:10" ht="18" customHeight="1" x14ac:dyDescent="0.2">
      <c r="A123" s="216">
        <v>920</v>
      </c>
      <c r="B123" s="217" t="s">
        <v>181</v>
      </c>
      <c r="C123" s="109">
        <v>600000000</v>
      </c>
      <c r="D123" s="129">
        <v>0</v>
      </c>
      <c r="E123" s="109">
        <f t="shared" si="14"/>
        <v>600000000</v>
      </c>
      <c r="F123" s="138">
        <v>202527568</v>
      </c>
      <c r="G123" s="109">
        <f t="shared" si="15"/>
        <v>397472432</v>
      </c>
      <c r="H123" s="113">
        <f t="shared" si="7"/>
        <v>0.33754594666666665</v>
      </c>
      <c r="I123" s="153"/>
    </row>
    <row r="124" spans="1:10" ht="16.5" x14ac:dyDescent="0.2">
      <c r="A124" s="216">
        <v>960</v>
      </c>
      <c r="B124" s="228" t="s">
        <v>232</v>
      </c>
      <c r="C124" s="109">
        <v>0</v>
      </c>
      <c r="D124" s="129">
        <v>0</v>
      </c>
      <c r="E124" s="109">
        <f t="shared" si="14"/>
        <v>0</v>
      </c>
      <c r="F124" s="138">
        <v>0</v>
      </c>
      <c r="G124" s="109">
        <f t="shared" si="15"/>
        <v>0</v>
      </c>
      <c r="H124" s="113">
        <f t="shared" si="7"/>
        <v>1</v>
      </c>
      <c r="I124" s="153"/>
    </row>
    <row r="125" spans="1:10" ht="18" customHeight="1" x14ac:dyDescent="0.2">
      <c r="A125" s="229" t="s">
        <v>115</v>
      </c>
      <c r="B125" s="230"/>
      <c r="C125" s="111">
        <f>+C9+C23+C57+C93+C112+C115+C121</f>
        <v>1916652520343</v>
      </c>
      <c r="D125" s="111">
        <f>+D9+D23+D57+D93+D112+D115+D121</f>
        <v>0</v>
      </c>
      <c r="E125" s="111">
        <f>+E9+E23+E57+E93+E112+E115+E121</f>
        <v>1916652520343</v>
      </c>
      <c r="F125" s="111">
        <f>+F9+F23+F57+F93+F112+F115+F121</f>
        <v>674264683030</v>
      </c>
      <c r="G125" s="111">
        <f>+G9+G23+G57+G93+G112+G115+G121</f>
        <v>1242387837313</v>
      </c>
      <c r="H125" s="116">
        <f t="shared" si="7"/>
        <v>0.35179286588125791</v>
      </c>
      <c r="I125" s="153"/>
    </row>
    <row r="126" spans="1:10" s="231" customFormat="1" ht="16.5" x14ac:dyDescent="0.2">
      <c r="A126" s="156"/>
      <c r="B126" s="156"/>
      <c r="C126" s="156"/>
      <c r="D126" s="156"/>
      <c r="E126" s="157">
        <f>+E125-1916652520343</f>
        <v>0</v>
      </c>
      <c r="F126" s="157"/>
      <c r="G126" s="156"/>
      <c r="H126" s="156"/>
      <c r="J126" s="154"/>
    </row>
    <row r="127" spans="1:10" x14ac:dyDescent="0.2">
      <c r="C127" s="158">
        <f>+'[8]Por G.G.'!B17</f>
        <v>1916652520343</v>
      </c>
      <c r="D127" s="158">
        <f>+'[8]Por G.G.'!C17</f>
        <v>0</v>
      </c>
      <c r="E127" s="158">
        <f>+'[8]Por G.G.'!D17</f>
        <v>1916652520343</v>
      </c>
      <c r="F127" s="158">
        <f>+'[8]Por G.G.'!E17</f>
        <v>674264683030</v>
      </c>
      <c r="G127" s="158">
        <f>+'[8]Por G.G.'!F17</f>
        <v>1242387837313</v>
      </c>
      <c r="H127" s="159">
        <f>+'[8]Por G.G.'!G17</f>
        <v>0.35179286588125791</v>
      </c>
    </row>
    <row r="128" spans="1:10" x14ac:dyDescent="0.2">
      <c r="C128" s="110">
        <f t="shared" ref="C128:H128" si="16">+C127-C125</f>
        <v>0</v>
      </c>
      <c r="D128" s="110">
        <f t="shared" si="16"/>
        <v>0</v>
      </c>
      <c r="E128" s="110">
        <f t="shared" si="16"/>
        <v>0</v>
      </c>
      <c r="F128" s="110">
        <f t="shared" si="16"/>
        <v>0</v>
      </c>
      <c r="G128" s="110">
        <f t="shared" si="16"/>
        <v>0</v>
      </c>
      <c r="H128" s="232">
        <f t="shared" si="16"/>
        <v>0</v>
      </c>
    </row>
  </sheetData>
  <mergeCells count="4">
    <mergeCell ref="A5:H5"/>
    <mergeCell ref="A6:H6"/>
    <mergeCell ref="A7:H7"/>
    <mergeCell ref="A125:B125"/>
  </mergeCells>
  <conditionalFormatting sqref="E122:E124">
    <cfRule type="cellIs" dxfId="9" priority="1" operator="lessThan">
      <formula>0</formula>
    </cfRule>
  </conditionalFormatting>
  <conditionalFormatting sqref="E1:G9 F10:G22 E113:G114 E126:G1048576">
    <cfRule type="cellIs" dxfId="8" priority="10" operator="lessThan">
      <formula>0</formula>
    </cfRule>
  </conditionalFormatting>
  <conditionalFormatting sqref="E23:G56">
    <cfRule type="cellIs" dxfId="7" priority="9" operator="lessThan">
      <formula>0</formula>
    </cfRule>
  </conditionalFormatting>
  <conditionalFormatting sqref="E58:G92">
    <cfRule type="cellIs" dxfId="6" priority="8" operator="lessThan">
      <formula>0</formula>
    </cfRule>
  </conditionalFormatting>
  <conditionalFormatting sqref="E94:G111">
    <cfRule type="cellIs" dxfId="5" priority="7" operator="lessThan">
      <formula>0</formula>
    </cfRule>
  </conditionalFormatting>
  <conditionalFormatting sqref="E116:G120">
    <cfRule type="cellIs" dxfId="4" priority="2" operator="lessThan">
      <formula>0</formula>
    </cfRule>
  </conditionalFormatting>
  <conditionalFormatting sqref="F121:G124">
    <cfRule type="cellIs" dxfId="3" priority="3" operator="lessThan">
      <formula>0</formula>
    </cfRule>
  </conditionalFormatting>
  <conditionalFormatting sqref="J1:J1048576">
    <cfRule type="cellIs" dxfId="2" priority="4" operator="greaterThan">
      <formula>0.2</formula>
    </cfRule>
    <cfRule type="cellIs" dxfId="1" priority="5" operator="greaterThan">
      <formula>0.1</formula>
    </cfRule>
    <cfRule type="cellIs" dxfId="0" priority="6" operator="greaterThan">
      <formula>0.1</formula>
    </cfRule>
  </conditionalFormatting>
  <printOptions horizontalCentered="1"/>
  <pageMargins left="0.31496062992125984" right="0.31496062992125984" top="0.47244094488188981" bottom="0.55118110236220474" header="0.31496062992125984" footer="0.35433070866141736"/>
  <pageSetup paperSize="9" scale="54" fitToHeight="0" orientation="portrait" r:id="rId1"/>
  <drawing r:id="rId2"/>
  <legacyDrawingHF r:id="rId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3" tint="0.39997558519241921"/>
  </sheetPr>
  <dimension ref="A1:L20"/>
  <sheetViews>
    <sheetView view="pageBreakPreview" zoomScale="115" zoomScaleNormal="115" zoomScaleSheetLayoutView="115" workbookViewId="0">
      <selection activeCell="A7" sqref="A7:I7"/>
    </sheetView>
  </sheetViews>
  <sheetFormatPr baseColWidth="10" defaultRowHeight="12.75" x14ac:dyDescent="0.2"/>
  <cols>
    <col min="1" max="7" width="19.140625" style="10" customWidth="1"/>
    <col min="8" max="8" width="18.28515625" customWidth="1"/>
    <col min="9" max="9" width="18.7109375" customWidth="1"/>
    <col min="10" max="10" width="17.5703125" style="11" bestFit="1" customWidth="1"/>
    <col min="11" max="11" width="16.5703125" bestFit="1" customWidth="1"/>
  </cols>
  <sheetData>
    <row r="1" spans="1:12" s="124" customFormat="1" ht="18.75" customHeight="1" x14ac:dyDescent="0.2">
      <c r="J1" s="150"/>
    </row>
    <row r="2" spans="1:12" s="124" customFormat="1" ht="15" customHeight="1" x14ac:dyDescent="0.2">
      <c r="J2" s="150"/>
    </row>
    <row r="3" spans="1:12" s="124" customFormat="1" ht="14.25" customHeight="1" x14ac:dyDescent="0.2">
      <c r="J3" s="150"/>
    </row>
    <row r="4" spans="1:12" s="124" customFormat="1" x14ac:dyDescent="0.2">
      <c r="A4" s="125" t="s">
        <v>70</v>
      </c>
      <c r="B4" s="126"/>
      <c r="C4" s="126"/>
      <c r="D4" s="126"/>
      <c r="E4" s="126"/>
      <c r="F4" s="126"/>
      <c r="G4" s="126"/>
      <c r="H4" s="126"/>
      <c r="I4" s="126"/>
      <c r="J4" s="150"/>
    </row>
    <row r="5" spans="1:12" s="112" customFormat="1" ht="16.5" customHeight="1" x14ac:dyDescent="0.25">
      <c r="A5" s="192" t="s">
        <v>235</v>
      </c>
      <c r="B5" s="192"/>
      <c r="C5" s="192"/>
      <c r="D5" s="192"/>
      <c r="E5" s="192"/>
      <c r="F5" s="192"/>
      <c r="G5" s="192"/>
      <c r="H5" s="192"/>
      <c r="I5" s="192"/>
      <c r="J5" s="151"/>
    </row>
    <row r="6" spans="1:12" s="112" customFormat="1" ht="15.75" customHeight="1" x14ac:dyDescent="0.2">
      <c r="A6" s="183" t="s">
        <v>255</v>
      </c>
      <c r="B6" s="183"/>
      <c r="C6" s="183"/>
      <c r="D6" s="183"/>
      <c r="E6" s="183"/>
      <c r="F6" s="183"/>
      <c r="G6" s="183"/>
      <c r="H6" s="183"/>
      <c r="I6" s="183"/>
      <c r="J6" s="151"/>
    </row>
    <row r="7" spans="1:12" s="127" customFormat="1" ht="13.5" customHeight="1" x14ac:dyDescent="0.2">
      <c r="A7" s="204" t="s">
        <v>238</v>
      </c>
      <c r="B7" s="204"/>
      <c r="C7" s="204"/>
      <c r="D7" s="204"/>
      <c r="E7" s="204"/>
      <c r="F7" s="204"/>
      <c r="G7" s="204"/>
      <c r="H7" s="204"/>
      <c r="I7" s="204"/>
      <c r="J7" s="152"/>
    </row>
    <row r="8" spans="1:12" s="127" customFormat="1" ht="13.5" customHeight="1" x14ac:dyDescent="0.2">
      <c r="A8" s="161"/>
      <c r="B8" s="161"/>
      <c r="C8" s="161"/>
      <c r="D8" s="161"/>
      <c r="E8" s="161"/>
      <c r="F8" s="161"/>
      <c r="G8" s="161"/>
      <c r="H8" s="161"/>
      <c r="J8" s="152"/>
    </row>
    <row r="9" spans="1:12" ht="19.5" customHeight="1" x14ac:dyDescent="0.2">
      <c r="A9" s="205" t="s">
        <v>1</v>
      </c>
      <c r="B9" s="165" t="s">
        <v>42</v>
      </c>
      <c r="C9" s="165" t="s">
        <v>34</v>
      </c>
      <c r="D9" s="165" t="s">
        <v>73</v>
      </c>
      <c r="E9" s="165" t="s">
        <v>35</v>
      </c>
      <c r="F9" s="165" t="s">
        <v>74</v>
      </c>
      <c r="G9" s="165" t="s">
        <v>36</v>
      </c>
      <c r="H9" s="205" t="s">
        <v>209</v>
      </c>
      <c r="I9" s="207" t="s">
        <v>75</v>
      </c>
    </row>
    <row r="10" spans="1:12" ht="19.5" customHeight="1" x14ac:dyDescent="0.2">
      <c r="A10" s="206"/>
      <c r="B10" s="165" t="s">
        <v>37</v>
      </c>
      <c r="C10" s="165" t="s">
        <v>38</v>
      </c>
      <c r="D10" s="165" t="s">
        <v>76</v>
      </c>
      <c r="E10" s="165" t="s">
        <v>39</v>
      </c>
      <c r="F10" s="165" t="s">
        <v>40</v>
      </c>
      <c r="G10" s="165" t="s">
        <v>41</v>
      </c>
      <c r="H10" s="206"/>
      <c r="I10" s="208"/>
    </row>
    <row r="11" spans="1:12" s="2" customFormat="1" ht="20.25" customHeight="1" x14ac:dyDescent="0.3">
      <c r="A11" s="166"/>
      <c r="B11" s="166" t="s">
        <v>77</v>
      </c>
      <c r="C11" s="167"/>
      <c r="D11" s="167"/>
      <c r="E11" s="167"/>
      <c r="F11" s="167"/>
      <c r="G11" s="167"/>
      <c r="H11" s="168"/>
      <c r="I11" s="164"/>
      <c r="J11" s="11"/>
      <c r="K11"/>
      <c r="L11"/>
    </row>
    <row r="12" spans="1:12" ht="19.5" customHeight="1" x14ac:dyDescent="0.2">
      <c r="A12" s="202">
        <f>+'Por O.G.'!E10</f>
        <v>956559798828</v>
      </c>
      <c r="B12" s="169">
        <v>72614433216</v>
      </c>
      <c r="C12" s="169">
        <v>73004215797</v>
      </c>
      <c r="D12" s="169">
        <v>76728459592</v>
      </c>
      <c r="E12" s="169">
        <v>74474580258</v>
      </c>
      <c r="F12" s="169">
        <v>74626592580</v>
      </c>
      <c r="G12" s="169">
        <v>0</v>
      </c>
      <c r="H12" s="197">
        <f>+B12+C12+D12+E12+F12+G12+B13+C13+D13+E13+F13+G13</f>
        <v>371448281443</v>
      </c>
      <c r="I12" s="199">
        <f>+A12-H12</f>
        <v>585111517385</v>
      </c>
      <c r="J12" s="25"/>
      <c r="K12" s="25"/>
    </row>
    <row r="13" spans="1:12" ht="19.5" customHeight="1" x14ac:dyDescent="0.2">
      <c r="A13" s="203"/>
      <c r="B13" s="169">
        <v>0</v>
      </c>
      <c r="C13" s="169">
        <v>0</v>
      </c>
      <c r="D13" s="169">
        <v>0</v>
      </c>
      <c r="E13" s="169">
        <v>0</v>
      </c>
      <c r="F13" s="169">
        <v>0</v>
      </c>
      <c r="G13" s="169">
        <v>0</v>
      </c>
      <c r="H13" s="198"/>
      <c r="I13" s="200"/>
      <c r="J13" s="25">
        <f>+H12-'Por O.G.'!F10</f>
        <v>0</v>
      </c>
    </row>
    <row r="14" spans="1:12" s="2" customFormat="1" ht="20.25" customHeight="1" x14ac:dyDescent="0.3">
      <c r="A14" s="170"/>
      <c r="B14" s="201" t="s">
        <v>78</v>
      </c>
      <c r="C14" s="201"/>
      <c r="D14" s="201"/>
      <c r="E14" s="201"/>
      <c r="F14" s="201"/>
      <c r="G14" s="201"/>
      <c r="H14" s="201"/>
      <c r="I14" s="201"/>
      <c r="J14"/>
    </row>
    <row r="15" spans="1:12" ht="19.5" customHeight="1" x14ac:dyDescent="0.2">
      <c r="A15" s="199">
        <f>+'Por O.G.'!E11</f>
        <v>55953481200</v>
      </c>
      <c r="B15" s="169">
        <v>4027952600</v>
      </c>
      <c r="C15" s="169">
        <v>4062615100</v>
      </c>
      <c r="D15" s="169">
        <v>4185952600</v>
      </c>
      <c r="E15" s="169">
        <v>4089677600</v>
      </c>
      <c r="F15" s="169">
        <v>4046141175</v>
      </c>
      <c r="G15" s="169">
        <v>0</v>
      </c>
      <c r="H15" s="199">
        <f>G15+B16+C16+D16+E16+F16+G16+B15+C15+D15+E15+F15</f>
        <v>20412339075</v>
      </c>
      <c r="I15" s="199">
        <f>+A15-H15</f>
        <v>35541142125</v>
      </c>
      <c r="J15" s="25">
        <f>+H15-'Por O.G.'!F11</f>
        <v>0</v>
      </c>
      <c r="K15" s="25"/>
    </row>
    <row r="16" spans="1:12" ht="19.5" customHeight="1" x14ac:dyDescent="0.2">
      <c r="A16" s="200"/>
      <c r="B16" s="169">
        <v>0</v>
      </c>
      <c r="C16" s="169">
        <v>0</v>
      </c>
      <c r="D16" s="169">
        <v>0</v>
      </c>
      <c r="E16" s="169">
        <v>0</v>
      </c>
      <c r="F16" s="169">
        <v>0</v>
      </c>
      <c r="G16" s="169">
        <v>0</v>
      </c>
      <c r="H16" s="200"/>
      <c r="I16" s="200"/>
      <c r="J16" s="25"/>
      <c r="K16" s="2"/>
    </row>
    <row r="17" spans="1:11" ht="19.5" customHeight="1" x14ac:dyDescent="0.2">
      <c r="A17" s="42"/>
      <c r="B17" s="42"/>
      <c r="C17" s="42"/>
      <c r="D17" s="42"/>
      <c r="E17" s="42"/>
      <c r="F17" s="42"/>
      <c r="G17" s="42"/>
      <c r="H17" s="42"/>
      <c r="J17" s="25"/>
    </row>
    <row r="18" spans="1:11" x14ac:dyDescent="0.2">
      <c r="A18" s="42"/>
      <c r="B18" s="42"/>
      <c r="C18" s="42"/>
      <c r="D18" s="42"/>
      <c r="E18" s="42"/>
      <c r="F18" s="42"/>
      <c r="G18" s="42"/>
      <c r="J18"/>
      <c r="K18" s="2"/>
    </row>
    <row r="19" spans="1:11" x14ac:dyDescent="0.2">
      <c r="A19" s="43"/>
      <c r="B19" s="42"/>
      <c r="C19" s="42"/>
      <c r="D19" s="42"/>
      <c r="E19" s="42"/>
      <c r="F19" s="42"/>
      <c r="G19" s="42"/>
    </row>
    <row r="20" spans="1:11" x14ac:dyDescent="0.2">
      <c r="A20" s="42"/>
      <c r="B20" s="42"/>
      <c r="C20" s="42"/>
      <c r="D20" s="42"/>
      <c r="E20" s="42"/>
      <c r="F20" s="42"/>
      <c r="G20" s="42"/>
    </row>
  </sheetData>
  <mergeCells count="13">
    <mergeCell ref="A5:I5"/>
    <mergeCell ref="A6:I6"/>
    <mergeCell ref="A7:I7"/>
    <mergeCell ref="A9:A10"/>
    <mergeCell ref="H9:H10"/>
    <mergeCell ref="I9:I10"/>
    <mergeCell ref="H12:H13"/>
    <mergeCell ref="I12:I13"/>
    <mergeCell ref="B14:I14"/>
    <mergeCell ref="A15:A16"/>
    <mergeCell ref="H15:H16"/>
    <mergeCell ref="I15:I16"/>
    <mergeCell ref="A12:A13"/>
  </mergeCells>
  <conditionalFormatting sqref="E1:G4 E6:G8">
    <cfRule type="cellIs" dxfId="14" priority="5" operator="lessThan">
      <formula>0</formula>
    </cfRule>
  </conditionalFormatting>
  <conditionalFormatting sqref="J1:J8">
    <cfRule type="cellIs" dxfId="13" priority="1" operator="greaterThan">
      <formula>0.2</formula>
    </cfRule>
    <cfRule type="cellIs" dxfId="12" priority="3" operator="greaterThan">
      <formula>0.1</formula>
    </cfRule>
    <cfRule type="cellIs" dxfId="11" priority="4" operator="greaterThan">
      <formula>0.1</formula>
    </cfRule>
  </conditionalFormatting>
  <pageMargins left="0.70866141732283472" right="1.1023622047244095" top="0.74803149606299213" bottom="0.74803149606299213" header="0.31496062992125984" footer="0.31496062992125984"/>
  <pageSetup paperSize="9" scale="70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5</vt:i4>
      </vt:variant>
      <vt:variant>
        <vt:lpstr>Rangos con nombre</vt:lpstr>
      </vt:variant>
      <vt:variant>
        <vt:i4>6</vt:i4>
      </vt:variant>
    </vt:vector>
  </HeadingPairs>
  <TitlesOfParts>
    <vt:vector size="11" baseType="lpstr">
      <vt:lpstr>Ingresos</vt:lpstr>
      <vt:lpstr>GRUPO DE GASTOS</vt:lpstr>
      <vt:lpstr>Por Prog-Subpr</vt:lpstr>
      <vt:lpstr>Por O.G.</vt:lpstr>
      <vt:lpstr>Anexo del Personal</vt:lpstr>
      <vt:lpstr>'Anexo del Personal'!Área_de_impresión</vt:lpstr>
      <vt:lpstr>'GRUPO DE GASTOS'!Área_de_impresión</vt:lpstr>
      <vt:lpstr>Ingresos!Área_de_impresión</vt:lpstr>
      <vt:lpstr>'Por O.G.'!Área_de_impresión</vt:lpstr>
      <vt:lpstr>'Por Prog-Subpr'!Área_de_impresión</vt:lpstr>
      <vt:lpstr>'Por O.G.'!Títulos_a_imprimi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_Villamayor</dc:creator>
  <cp:lastModifiedBy>Rodrigo Manuel Guerrero Britez</cp:lastModifiedBy>
  <cp:lastPrinted>2026-05-08T15:52:55Z</cp:lastPrinted>
  <dcterms:created xsi:type="dcterms:W3CDTF">2006-11-29T12:51:21Z</dcterms:created>
  <dcterms:modified xsi:type="dcterms:W3CDTF">2026-06-04T16:53:55Z</dcterms:modified>
</cp:coreProperties>
</file>